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C:\Users\i0005020\Downloads\"/>
    </mc:Choice>
  </mc:AlternateContent>
  <bookViews>
    <workbookView xWindow="390" yWindow="390" windowWidth="15900" windowHeight="15210"/>
  </bookViews>
  <sheets>
    <sheet name="特殊建築物等" sheetId="4" r:id="rId1"/>
  </sheets>
  <definedNames>
    <definedName name="_xlnm.Print_Area" localSheetId="0">特殊建築物等!$A$1:$K$179</definedName>
  </definedNames>
  <calcPr calcId="152511"/>
</workbook>
</file>

<file path=xl/sharedStrings.xml><?xml version="1.0" encoding="utf-8"?>
<sst xmlns="http://schemas.openxmlformats.org/spreadsheetml/2006/main" count="384" uniqueCount="370">
  <si>
    <t>改善（予定）年月</t>
    <rPh sb="0" eb="2">
      <t>カイゼン</t>
    </rPh>
    <rPh sb="3" eb="5">
      <t>ヨテイ</t>
    </rPh>
    <rPh sb="6" eb="8">
      <t>ネンゲツ</t>
    </rPh>
    <phoneticPr fontId="2"/>
  </si>
  <si>
    <t>要是正</t>
    <rPh sb="0" eb="1">
      <t>ヨウ</t>
    </rPh>
    <rPh sb="1" eb="3">
      <t>ゼセイ</t>
    </rPh>
    <phoneticPr fontId="2"/>
  </si>
  <si>
    <t>特記事項</t>
    <rPh sb="0" eb="1">
      <t>トク</t>
    </rPh>
    <rPh sb="1" eb="3">
      <t>キジ</t>
    </rPh>
    <rPh sb="3" eb="4">
      <t>コウ</t>
    </rPh>
    <phoneticPr fontId="2"/>
  </si>
  <si>
    <t>番号</t>
    <rPh sb="0" eb="2">
      <t>バンゴウ</t>
    </rPh>
    <phoneticPr fontId="2"/>
  </si>
  <si>
    <t>地盤沈下等による不陸、傾斜等の状況</t>
    <rPh sb="4" eb="5">
      <t>トウ</t>
    </rPh>
    <rPh sb="9" eb="10">
      <t>リク</t>
    </rPh>
    <rPh sb="11" eb="13">
      <t>ケイシャ</t>
    </rPh>
    <phoneticPr fontId="2"/>
  </si>
  <si>
    <t>基礎</t>
    <rPh sb="0" eb="2">
      <t>キソ</t>
    </rPh>
    <phoneticPr fontId="2"/>
  </si>
  <si>
    <t>躯体等</t>
    <rPh sb="0" eb="1">
      <t>ク</t>
    </rPh>
    <rPh sb="1" eb="2">
      <t>タイ</t>
    </rPh>
    <rPh sb="2" eb="3">
      <t>トウ</t>
    </rPh>
    <phoneticPr fontId="2"/>
  </si>
  <si>
    <t>窓サッシ等</t>
    <rPh sb="0" eb="1">
      <t>マド</t>
    </rPh>
    <phoneticPr fontId="2"/>
  </si>
  <si>
    <t>防火区画</t>
    <rPh sb="0" eb="2">
      <t>ボウカ</t>
    </rPh>
    <rPh sb="2" eb="4">
      <t>クカク</t>
    </rPh>
    <phoneticPr fontId="2"/>
  </si>
  <si>
    <t>床</t>
    <rPh sb="0" eb="1">
      <t>ユカ</t>
    </rPh>
    <phoneticPr fontId="2"/>
  </si>
  <si>
    <t>天井</t>
    <rPh sb="0" eb="2">
      <t>テンジョウ</t>
    </rPh>
    <phoneticPr fontId="2"/>
  </si>
  <si>
    <t>屋上広場</t>
    <rPh sb="0" eb="2">
      <t>オクジョウ</t>
    </rPh>
    <rPh sb="2" eb="4">
      <t>ヒロバ</t>
    </rPh>
    <phoneticPr fontId="2"/>
  </si>
  <si>
    <t>階段</t>
    <rPh sb="0" eb="2">
      <t>カイダン</t>
    </rPh>
    <phoneticPr fontId="2"/>
  </si>
  <si>
    <t>排煙設備等</t>
    <rPh sb="4" eb="5">
      <t>トウ</t>
    </rPh>
    <phoneticPr fontId="2"/>
  </si>
  <si>
    <t>その他</t>
    <rPh sb="2" eb="3">
      <t>タ</t>
    </rPh>
    <phoneticPr fontId="2"/>
  </si>
  <si>
    <t>煙突</t>
    <rPh sb="0" eb="2">
      <t>エントツ</t>
    </rPh>
    <phoneticPr fontId="2"/>
  </si>
  <si>
    <t>調　査　項　目</t>
    <rPh sb="0" eb="1">
      <t>チョウ</t>
    </rPh>
    <rPh sb="2" eb="3">
      <t>サ</t>
    </rPh>
    <phoneticPr fontId="2"/>
  </si>
  <si>
    <t>調査結果</t>
    <rPh sb="0" eb="2">
      <t>チョウサ</t>
    </rPh>
    <rPh sb="2" eb="4">
      <t>ケッカ</t>
    </rPh>
    <phoneticPr fontId="2"/>
  </si>
  <si>
    <t>特殊な構造等</t>
    <phoneticPr fontId="2"/>
  </si>
  <si>
    <t>対象外項目</t>
    <rPh sb="0" eb="3">
      <t>タイショウガイ</t>
    </rPh>
    <rPh sb="3" eb="5">
      <t>コウモク</t>
    </rPh>
    <phoneticPr fontId="2"/>
  </si>
  <si>
    <t>上記以外の調査項目</t>
    <rPh sb="0" eb="2">
      <t>ジョウキ</t>
    </rPh>
    <rPh sb="2" eb="4">
      <t>イガイ</t>
    </rPh>
    <rPh sb="5" eb="7">
      <t>チョウサ</t>
    </rPh>
    <rPh sb="7" eb="9">
      <t>コウモク</t>
    </rPh>
    <phoneticPr fontId="2"/>
  </si>
  <si>
    <t>改善策の具体的内容等</t>
    <rPh sb="9" eb="10">
      <t>トウ</t>
    </rPh>
    <phoneticPr fontId="2"/>
  </si>
  <si>
    <t>指摘の具体的内容等</t>
    <rPh sb="0" eb="2">
      <t>シテキ</t>
    </rPh>
    <rPh sb="8" eb="9">
      <t>トウ</t>
    </rPh>
    <phoneticPr fontId="2"/>
  </si>
  <si>
    <t>（注意）</t>
    <rPh sb="1" eb="3">
      <t>チュウイ</t>
    </rPh>
    <phoneticPr fontId="2"/>
  </si>
  <si>
    <t>　記入欄が不足する場合は、枠を拡大、行を追加して記入するか、別紙に必要な事項を記入して添えてください。</t>
    <rPh sb="1" eb="4">
      <t>キニュウラン</t>
    </rPh>
    <rPh sb="5" eb="7">
      <t>フソク</t>
    </rPh>
    <rPh sb="9" eb="11">
      <t>バアイ</t>
    </rPh>
    <rPh sb="13" eb="14">
      <t>ワク</t>
    </rPh>
    <rPh sb="15" eb="17">
      <t>カクダイ</t>
    </rPh>
    <rPh sb="18" eb="19">
      <t>ギョウ</t>
    </rPh>
    <rPh sb="20" eb="22">
      <t>ツイカ</t>
    </rPh>
    <rPh sb="24" eb="26">
      <t>キニュウ</t>
    </rPh>
    <rPh sb="30" eb="32">
      <t>ベッシ</t>
    </rPh>
    <rPh sb="33" eb="35">
      <t>ヒツヨウ</t>
    </rPh>
    <rPh sb="36" eb="38">
      <t>ジコウ</t>
    </rPh>
    <rPh sb="39" eb="41">
      <t>キニュウ</t>
    </rPh>
    <rPh sb="43" eb="44">
      <t>ソ</t>
    </rPh>
    <phoneticPr fontId="2"/>
  </si>
  <si>
    <t>　この書類は、特殊建築物等ごとに作成してください。</t>
    <rPh sb="7" eb="9">
      <t>トクシュ</t>
    </rPh>
    <rPh sb="9" eb="12">
      <t>ケンチクブツ</t>
    </rPh>
    <rPh sb="12" eb="13">
      <t>トウ</t>
    </rPh>
    <phoneticPr fontId="2"/>
  </si>
  <si>
    <t>担当
調査者
番号</t>
    <rPh sb="0" eb="2">
      <t>タントウ</t>
    </rPh>
    <rPh sb="3" eb="6">
      <t>チョウサシャ</t>
    </rPh>
    <rPh sb="7" eb="9">
      <t>バンゴウ</t>
    </rPh>
    <phoneticPr fontId="2"/>
  </si>
  <si>
    <t>調査項目</t>
    <rPh sb="0" eb="2">
      <t>チョウサ</t>
    </rPh>
    <rPh sb="2" eb="4">
      <t>コウモク</t>
    </rPh>
    <phoneticPr fontId="2"/>
  </si>
  <si>
    <t>(1)</t>
    <phoneticPr fontId="2"/>
  </si>
  <si>
    <t>土台（木造に限る。）</t>
    <rPh sb="0" eb="2">
      <t>ドダイ</t>
    </rPh>
    <rPh sb="3" eb="5">
      <t>モクゾウ</t>
    </rPh>
    <rPh sb="6" eb="7">
      <t>カギ</t>
    </rPh>
    <phoneticPr fontId="2"/>
  </si>
  <si>
    <t>屋根（屋上面を除く。）</t>
    <rPh sb="0" eb="2">
      <t>ヤネ</t>
    </rPh>
    <rPh sb="3" eb="5">
      <t>オクジョウ</t>
    </rPh>
    <rPh sb="5" eb="6">
      <t>メン</t>
    </rPh>
    <rPh sb="7" eb="8">
      <t>ノゾ</t>
    </rPh>
    <phoneticPr fontId="2"/>
  </si>
  <si>
    <t>避難上有効なバルコニー</t>
    <rPh sb="0" eb="2">
      <t>ヒナン</t>
    </rPh>
    <rPh sb="2" eb="3">
      <t>ジョウ</t>
    </rPh>
    <rPh sb="3" eb="5">
      <t>ユウコウ</t>
    </rPh>
    <phoneticPr fontId="2"/>
  </si>
  <si>
    <t>　要是正とされた調査項目（既存不適格の場合を除く。）については、要是正とされた部分を撮影した写真を別添２の様式に従い添付してください。</t>
    <rPh sb="1" eb="2">
      <t>ヨウ</t>
    </rPh>
    <rPh sb="2" eb="4">
      <t>ゼセイ</t>
    </rPh>
    <rPh sb="8" eb="10">
      <t>チョウサ</t>
    </rPh>
    <rPh sb="10" eb="12">
      <t>コウモク</t>
    </rPh>
    <rPh sb="13" eb="15">
      <t>キソン</t>
    </rPh>
    <rPh sb="15" eb="18">
      <t>フテキカク</t>
    </rPh>
    <rPh sb="19" eb="21">
      <t>バアイ</t>
    </rPh>
    <rPh sb="22" eb="23">
      <t>ノゾ</t>
    </rPh>
    <rPh sb="32" eb="33">
      <t>ヨウ</t>
    </rPh>
    <rPh sb="33" eb="35">
      <t>ゼセイ</t>
    </rPh>
    <rPh sb="39" eb="41">
      <t>ブブン</t>
    </rPh>
    <rPh sb="42" eb="44">
      <t>サツエイ</t>
    </rPh>
    <rPh sb="46" eb="48">
      <t>シャシン</t>
    </rPh>
    <rPh sb="49" eb="51">
      <t>ベッテン</t>
    </rPh>
    <rPh sb="53" eb="55">
      <t>ヨウシキ</t>
    </rPh>
    <rPh sb="56" eb="57">
      <t>シタガ</t>
    </rPh>
    <rPh sb="58" eb="60">
      <t>テンプ</t>
    </rPh>
    <phoneticPr fontId="2"/>
  </si>
  <si>
    <t>敷地及び地盤</t>
    <rPh sb="0" eb="2">
      <t>シキチ</t>
    </rPh>
    <rPh sb="2" eb="3">
      <t>オヨ</t>
    </rPh>
    <rPh sb="4" eb="6">
      <t>ジバン</t>
    </rPh>
    <phoneticPr fontId="2"/>
  </si>
  <si>
    <t>屋上及び屋根</t>
    <rPh sb="0" eb="2">
      <t>オクジョウ</t>
    </rPh>
    <rPh sb="2" eb="3">
      <t>オヨ</t>
    </rPh>
    <rPh sb="4" eb="6">
      <t>ヤネ</t>
    </rPh>
    <phoneticPr fontId="2"/>
  </si>
  <si>
    <t>当該調査に関与した調査者</t>
    <rPh sb="0" eb="2">
      <t>トウガイ</t>
    </rPh>
    <rPh sb="2" eb="4">
      <t>チョウサ</t>
    </rPh>
    <rPh sb="5" eb="7">
      <t>カンヨ</t>
    </rPh>
    <rPh sb="9" eb="12">
      <t>チョウサシャ</t>
    </rPh>
    <phoneticPr fontId="2"/>
  </si>
  <si>
    <t>代表となる調査者</t>
    <rPh sb="0" eb="2">
      <t>ダイヒョウ</t>
    </rPh>
    <rPh sb="5" eb="8">
      <t>チョウサシャ</t>
    </rPh>
    <phoneticPr fontId="2"/>
  </si>
  <si>
    <t>その他の調査者</t>
    <rPh sb="2" eb="3">
      <t>タ</t>
    </rPh>
    <rPh sb="4" eb="7">
      <t>チョウサシャ</t>
    </rPh>
    <phoneticPr fontId="2"/>
  </si>
  <si>
    <t>　　氏　名</t>
    <rPh sb="2" eb="3">
      <t>シ</t>
    </rPh>
    <rPh sb="4" eb="5">
      <t>メイ</t>
    </rPh>
    <phoneticPr fontId="2"/>
  </si>
  <si>
    <t>調査者番号</t>
    <rPh sb="0" eb="3">
      <t>チョウサシャ</t>
    </rPh>
    <rPh sb="3" eb="5">
      <t>バンゴウ</t>
    </rPh>
    <phoneticPr fontId="2"/>
  </si>
  <si>
    <t>擁壁</t>
    <phoneticPr fontId="2"/>
  </si>
  <si>
    <t>避難施設等</t>
    <rPh sb="0" eb="2">
      <t>ヒナン</t>
    </rPh>
    <rPh sb="2" eb="4">
      <t>シセツ</t>
    </rPh>
    <rPh sb="4" eb="5">
      <t>ナド</t>
    </rPh>
    <phoneticPr fontId="2"/>
  </si>
  <si>
    <t>廊下</t>
    <rPh sb="0" eb="2">
      <t>ロウカ</t>
    </rPh>
    <phoneticPr fontId="2"/>
  </si>
  <si>
    <t>(37)</t>
    <phoneticPr fontId="2"/>
  </si>
  <si>
    <t>(39)</t>
    <phoneticPr fontId="2"/>
  </si>
  <si>
    <t>指摘
なし</t>
    <phoneticPr fontId="2"/>
  </si>
  <si>
    <t>既　存
不適格</t>
    <phoneticPr fontId="2"/>
  </si>
  <si>
    <t>(2)</t>
    <phoneticPr fontId="2"/>
  </si>
  <si>
    <t>(6)</t>
    <phoneticPr fontId="2"/>
  </si>
  <si>
    <t>(9)</t>
    <phoneticPr fontId="2"/>
  </si>
  <si>
    <t>基礎の沈下等の状況</t>
    <rPh sb="0" eb="2">
      <t>キソ</t>
    </rPh>
    <rPh sb="5" eb="6">
      <t>トウ</t>
    </rPh>
    <phoneticPr fontId="2"/>
  </si>
  <si>
    <t>土台の沈下等の状況</t>
    <rPh sb="0" eb="2">
      <t>ドダイ</t>
    </rPh>
    <rPh sb="5" eb="6">
      <t>トウ</t>
    </rPh>
    <phoneticPr fontId="2"/>
  </si>
  <si>
    <t>(8)</t>
    <phoneticPr fontId="2"/>
  </si>
  <si>
    <t>(9)</t>
    <phoneticPr fontId="2"/>
  </si>
  <si>
    <t>(13)</t>
    <phoneticPr fontId="2"/>
  </si>
  <si>
    <t>(14)</t>
    <phoneticPr fontId="2"/>
  </si>
  <si>
    <t>(15)</t>
    <phoneticPr fontId="2"/>
  </si>
  <si>
    <t>(1)</t>
    <phoneticPr fontId="2"/>
  </si>
  <si>
    <t>(7)</t>
    <phoneticPr fontId="2"/>
  </si>
  <si>
    <t>(8)</t>
    <phoneticPr fontId="2"/>
  </si>
  <si>
    <t>(9)</t>
    <phoneticPr fontId="2"/>
  </si>
  <si>
    <t>(17)</t>
    <phoneticPr fontId="2"/>
  </si>
  <si>
    <t>(1)</t>
    <phoneticPr fontId="2"/>
  </si>
  <si>
    <t>(21)</t>
    <phoneticPr fontId="2"/>
  </si>
  <si>
    <t>(22)</t>
    <phoneticPr fontId="2"/>
  </si>
  <si>
    <t>(3)</t>
    <phoneticPr fontId="2"/>
  </si>
  <si>
    <t>①</t>
    <phoneticPr fontId="2"/>
  </si>
  <si>
    <t>②</t>
    <phoneticPr fontId="2"/>
  </si>
  <si>
    <t>③</t>
    <phoneticPr fontId="2"/>
  </si>
  <si>
    <t>④</t>
    <phoneticPr fontId="2"/>
  </si>
  <si>
    <t>⑤</t>
    <phoneticPr fontId="2"/>
  </si>
  <si>
    <t>⑥</t>
    <phoneticPr fontId="2"/>
  </si>
  <si>
    <t>⑦</t>
    <phoneticPr fontId="2"/>
  </si>
  <si>
    <t>　「既存不適格」欄は、「要是正」欄に○印を記入した場合で、建築基準法第３条第２項の規定の適用を受けているものであることが確認されたときは、○印を記入してください。</t>
    <phoneticPr fontId="2"/>
  </si>
  <si>
    <t>⑨</t>
    <phoneticPr fontId="2"/>
  </si>
  <si>
    <t>外壁に緊結された広告板、空調室外機等</t>
    <rPh sb="0" eb="2">
      <t>ガイヘキ</t>
    </rPh>
    <rPh sb="3" eb="5">
      <t>キンケツ</t>
    </rPh>
    <rPh sb="8" eb="10">
      <t>コウコク</t>
    </rPh>
    <rPh sb="10" eb="11">
      <t>イタ</t>
    </rPh>
    <phoneticPr fontId="2"/>
  </si>
  <si>
    <t>屋上周り（屋上面を除く。）</t>
    <rPh sb="0" eb="2">
      <t>オクジョウ</t>
    </rPh>
    <rPh sb="2" eb="3">
      <t>マワ</t>
    </rPh>
    <rPh sb="5" eb="7">
      <t>オクジョウ</t>
    </rPh>
    <rPh sb="7" eb="8">
      <t>メン</t>
    </rPh>
    <rPh sb="9" eb="10">
      <t>ノゾ</t>
    </rPh>
    <phoneticPr fontId="2"/>
  </si>
  <si>
    <t>特別避難階段</t>
    <rPh sb="0" eb="2">
      <t>トクベツ</t>
    </rPh>
    <rPh sb="2" eb="4">
      <t>ヒナン</t>
    </rPh>
    <rPh sb="4" eb="6">
      <t>カイダン</t>
    </rPh>
    <phoneticPr fontId="2"/>
  </si>
  <si>
    <t>防煙壁</t>
    <rPh sb="0" eb="1">
      <t>ボウ</t>
    </rPh>
    <rPh sb="1" eb="2">
      <t>エン</t>
    </rPh>
    <rPh sb="2" eb="3">
      <t>ヘキ</t>
    </rPh>
    <phoneticPr fontId="2"/>
  </si>
  <si>
    <t>排煙設備</t>
    <rPh sb="0" eb="2">
      <t>ハイエン</t>
    </rPh>
    <rPh sb="2" eb="4">
      <t>セツビ</t>
    </rPh>
    <phoneticPr fontId="2"/>
  </si>
  <si>
    <t>避雷設備</t>
    <rPh sb="0" eb="1">
      <t>サ</t>
    </rPh>
    <rPh sb="1" eb="2">
      <t>カミナリ</t>
    </rPh>
    <rPh sb="2" eb="4">
      <t>セツビ</t>
    </rPh>
    <phoneticPr fontId="2"/>
  </si>
  <si>
    <t>有効幅員の確保の状況</t>
    <rPh sb="8" eb="10">
      <t>ジョウキョウ</t>
    </rPh>
    <phoneticPr fontId="2"/>
  </si>
  <si>
    <t>擁壁の劣化及び損傷の状況</t>
    <rPh sb="5" eb="7">
      <t>オ</t>
    </rPh>
    <phoneticPr fontId="2"/>
  </si>
  <si>
    <t>擁壁の水抜きパイプの維持保全の状況</t>
    <rPh sb="10" eb="11">
      <t>ユイ</t>
    </rPh>
    <phoneticPr fontId="2"/>
  </si>
  <si>
    <t>基礎の劣化及び損傷の状況</t>
    <rPh sb="5" eb="7">
      <t>オ</t>
    </rPh>
    <phoneticPr fontId="2"/>
  </si>
  <si>
    <t>土台の劣化及び損傷の状況</t>
    <rPh sb="5" eb="7">
      <t>オ</t>
    </rPh>
    <phoneticPr fontId="2"/>
  </si>
  <si>
    <t>木造の外壁躯体の劣化及び損傷の状況</t>
    <rPh sb="3" eb="5">
      <t>ガイヘキ</t>
    </rPh>
    <rPh sb="5" eb="6">
      <t>ク</t>
    </rPh>
    <rPh sb="6" eb="7">
      <t>タイ</t>
    </rPh>
    <rPh sb="8" eb="10">
      <t>レッカ</t>
    </rPh>
    <rPh sb="10" eb="12">
      <t>オ</t>
    </rPh>
    <rPh sb="12" eb="14">
      <t>ソンショウ</t>
    </rPh>
    <rPh sb="15" eb="17">
      <t>ジョウキョウ</t>
    </rPh>
    <phoneticPr fontId="2"/>
  </si>
  <si>
    <t>組積造の外壁躯体の劣化及び損傷の状況</t>
    <rPh sb="11" eb="13">
      <t>オ</t>
    </rPh>
    <phoneticPr fontId="2"/>
  </si>
  <si>
    <t>補強コンクリートブロック造の外壁躯体の劣化及び損傷の状況</t>
    <rPh sb="21" eb="23">
      <t>オ</t>
    </rPh>
    <phoneticPr fontId="2"/>
  </si>
  <si>
    <t>鉄骨造の外壁躯体の劣化及び損傷の状況</t>
    <rPh sb="11" eb="13">
      <t>オ</t>
    </rPh>
    <phoneticPr fontId="2"/>
  </si>
  <si>
    <t>鉄筋コンクリート造及び鉄骨鉄筋コンクリート造の外壁躯体の劣化及び損傷の状況</t>
    <rPh sb="8" eb="9">
      <t>ゾウ</t>
    </rPh>
    <rPh sb="9" eb="10">
      <t>オヨ</t>
    </rPh>
    <rPh sb="11" eb="13">
      <t>テッコツ</t>
    </rPh>
    <rPh sb="13" eb="15">
      <t>テッキン</t>
    </rPh>
    <rPh sb="21" eb="22">
      <t>ゾウ</t>
    </rPh>
    <rPh sb="30" eb="32">
      <t>オ</t>
    </rPh>
    <phoneticPr fontId="2"/>
  </si>
  <si>
    <t>タイル、石貼り等（乾式工法によるものを除く。）、モルタル等の劣化及び損傷の状況</t>
    <rPh sb="9" eb="11">
      <t>カンシキ</t>
    </rPh>
    <rPh sb="11" eb="13">
      <t>コウホウ</t>
    </rPh>
    <rPh sb="19" eb="20">
      <t>ノゾ</t>
    </rPh>
    <rPh sb="28" eb="29">
      <t>トウ</t>
    </rPh>
    <rPh sb="30" eb="32">
      <t>レッカ</t>
    </rPh>
    <rPh sb="32" eb="34">
      <t>オ</t>
    </rPh>
    <rPh sb="34" eb="36">
      <t>ソンショウ</t>
    </rPh>
    <rPh sb="37" eb="39">
      <t>ジョウキョウ</t>
    </rPh>
    <phoneticPr fontId="2"/>
  </si>
  <si>
    <t>乾式工法によるタイル、石貼り等の劣化及び損傷の状況</t>
    <rPh sb="0" eb="2">
      <t>カンシキ</t>
    </rPh>
    <rPh sb="2" eb="4">
      <t>コウホウ</t>
    </rPh>
    <rPh sb="11" eb="13">
      <t>イシバ</t>
    </rPh>
    <rPh sb="14" eb="15">
      <t>トウ</t>
    </rPh>
    <rPh sb="16" eb="18">
      <t>レッカ</t>
    </rPh>
    <rPh sb="18" eb="19">
      <t>オヨ</t>
    </rPh>
    <rPh sb="20" eb="22">
      <t>ソンショウ</t>
    </rPh>
    <rPh sb="23" eb="25">
      <t>ジョウキョウ</t>
    </rPh>
    <phoneticPr fontId="2"/>
  </si>
  <si>
    <t>金属系パネル（帳壁を含む。）の劣化及び損傷の状況</t>
    <rPh sb="0" eb="3">
      <t>キンゾクケイ</t>
    </rPh>
    <rPh sb="7" eb="8">
      <t>チョウ</t>
    </rPh>
    <rPh sb="8" eb="9">
      <t>カベ</t>
    </rPh>
    <rPh sb="10" eb="11">
      <t>フク</t>
    </rPh>
    <rPh sb="17" eb="19">
      <t>オ</t>
    </rPh>
    <phoneticPr fontId="2"/>
  </si>
  <si>
    <t>コンクリート系パネル（帳壁を含む。）の劣化及び損傷の状況</t>
    <rPh sb="6" eb="7">
      <t>ケイ</t>
    </rPh>
    <rPh sb="11" eb="12">
      <t>チョウ</t>
    </rPh>
    <rPh sb="12" eb="13">
      <t>カベ</t>
    </rPh>
    <rPh sb="21" eb="23">
      <t>オ</t>
    </rPh>
    <phoneticPr fontId="2"/>
  </si>
  <si>
    <t>サッシ等の劣化及び損傷の状況</t>
    <rPh sb="3" eb="4">
      <t>トウ</t>
    </rPh>
    <rPh sb="5" eb="7">
      <t>レッカ</t>
    </rPh>
    <rPh sb="7" eb="9">
      <t>オ</t>
    </rPh>
    <rPh sb="9" eb="11">
      <t>ソンショウ</t>
    </rPh>
    <rPh sb="12" eb="14">
      <t>ジョウキョウ</t>
    </rPh>
    <phoneticPr fontId="2"/>
  </si>
  <si>
    <t>はめ殺し窓のガラスの固定の状況</t>
    <rPh sb="10" eb="12">
      <t>コテイ</t>
    </rPh>
    <rPh sb="13" eb="15">
      <t>ジョウキョウ</t>
    </rPh>
    <phoneticPr fontId="2"/>
  </si>
  <si>
    <t>機器本体の劣化及び損傷の状況</t>
    <rPh sb="0" eb="2">
      <t>キキ</t>
    </rPh>
    <rPh sb="2" eb="4">
      <t>ホンタイ</t>
    </rPh>
    <rPh sb="5" eb="7">
      <t>レッカ</t>
    </rPh>
    <rPh sb="7" eb="9">
      <t>オ</t>
    </rPh>
    <rPh sb="9" eb="11">
      <t>ソンショウ</t>
    </rPh>
    <rPh sb="12" eb="14">
      <t>ジョウキョウ</t>
    </rPh>
    <phoneticPr fontId="2"/>
  </si>
  <si>
    <t>支持部分等の劣化及び損傷の状況</t>
    <rPh sb="0" eb="2">
      <t>シジ</t>
    </rPh>
    <rPh sb="2" eb="4">
      <t>ブブン</t>
    </rPh>
    <rPh sb="4" eb="5">
      <t>トウ</t>
    </rPh>
    <rPh sb="6" eb="8">
      <t>レッカ</t>
    </rPh>
    <rPh sb="8" eb="10">
      <t>オ</t>
    </rPh>
    <rPh sb="10" eb="12">
      <t>ソンショウ</t>
    </rPh>
    <rPh sb="13" eb="15">
      <t>ジョウキョウ</t>
    </rPh>
    <phoneticPr fontId="2"/>
  </si>
  <si>
    <t>屋上面の劣化及び損傷の状況</t>
    <rPh sb="0" eb="2">
      <t>オクジョウ</t>
    </rPh>
    <rPh sb="2" eb="3">
      <t>メン</t>
    </rPh>
    <rPh sb="4" eb="6">
      <t>レッカ</t>
    </rPh>
    <rPh sb="6" eb="8">
      <t>オ</t>
    </rPh>
    <rPh sb="8" eb="10">
      <t>ソンショウ</t>
    </rPh>
    <rPh sb="11" eb="13">
      <t>ジョウキョウ</t>
    </rPh>
    <phoneticPr fontId="2"/>
  </si>
  <si>
    <t>パラペットの立上り面の劣化及び損傷の状況</t>
    <rPh sb="6" eb="8">
      <t>タチノボ</t>
    </rPh>
    <rPh sb="9" eb="10">
      <t>メン</t>
    </rPh>
    <rPh sb="11" eb="13">
      <t>レッカ</t>
    </rPh>
    <rPh sb="13" eb="15">
      <t>オ</t>
    </rPh>
    <rPh sb="15" eb="17">
      <t>ソンショウ</t>
    </rPh>
    <rPh sb="18" eb="20">
      <t>ジョウキョウ</t>
    </rPh>
    <phoneticPr fontId="2"/>
  </si>
  <si>
    <t>笠木モルタル等の劣化及び損傷の状況</t>
    <rPh sb="8" eb="10">
      <t>レッカ</t>
    </rPh>
    <rPh sb="10" eb="12">
      <t>オ</t>
    </rPh>
    <rPh sb="12" eb="14">
      <t>ソンショウ</t>
    </rPh>
    <rPh sb="15" eb="17">
      <t>ジョウキョウ</t>
    </rPh>
    <phoneticPr fontId="2"/>
  </si>
  <si>
    <t>金属笠木の劣化及び損傷の状況</t>
    <rPh sb="0" eb="2">
      <t>キンゾク</t>
    </rPh>
    <rPh sb="2" eb="4">
      <t>カサギ</t>
    </rPh>
    <rPh sb="5" eb="7">
      <t>レッカ</t>
    </rPh>
    <rPh sb="7" eb="9">
      <t>オ</t>
    </rPh>
    <rPh sb="9" eb="11">
      <t>ソンショウ</t>
    </rPh>
    <rPh sb="12" eb="14">
      <t>ジョウキョウ</t>
    </rPh>
    <phoneticPr fontId="2"/>
  </si>
  <si>
    <t>排水溝（ドレーンを含む。）の劣化及び損傷の状況</t>
    <rPh sb="14" eb="16">
      <t>レッカ</t>
    </rPh>
    <rPh sb="16" eb="18">
      <t>オ</t>
    </rPh>
    <rPh sb="18" eb="20">
      <t>ソンショウ</t>
    </rPh>
    <rPh sb="21" eb="23">
      <t>ジョウキョウ</t>
    </rPh>
    <phoneticPr fontId="2"/>
  </si>
  <si>
    <t>機器、工作物本体及び接合部の劣化及び損傷の状況</t>
    <rPh sb="0" eb="2">
      <t>キキ</t>
    </rPh>
    <rPh sb="3" eb="6">
      <t>コウサクブツ</t>
    </rPh>
    <rPh sb="6" eb="8">
      <t>ホンタイ</t>
    </rPh>
    <rPh sb="8" eb="9">
      <t>オヨ</t>
    </rPh>
    <rPh sb="10" eb="13">
      <t>セツゴウブ</t>
    </rPh>
    <rPh sb="14" eb="16">
      <t>レッカ</t>
    </rPh>
    <rPh sb="16" eb="18">
      <t>オ</t>
    </rPh>
    <rPh sb="18" eb="20">
      <t>ソンショウ</t>
    </rPh>
    <rPh sb="21" eb="23">
      <t>ジョウキョウ</t>
    </rPh>
    <phoneticPr fontId="2"/>
  </si>
  <si>
    <t>部材の劣化及び損傷の状況</t>
    <rPh sb="0" eb="2">
      <t>ブザイ</t>
    </rPh>
    <rPh sb="3" eb="5">
      <t>レッカ</t>
    </rPh>
    <rPh sb="5" eb="7">
      <t>オ</t>
    </rPh>
    <rPh sb="7" eb="9">
      <t>ソンショウ</t>
    </rPh>
    <rPh sb="10" eb="12">
      <t>ジョウキョウ</t>
    </rPh>
    <phoneticPr fontId="2"/>
  </si>
  <si>
    <t>鉄骨の耐火被覆の劣化及び損傷の状況</t>
    <rPh sb="0" eb="2">
      <t>テッコツ</t>
    </rPh>
    <rPh sb="3" eb="5">
      <t>タイカ</t>
    </rPh>
    <rPh sb="5" eb="7">
      <t>ヒフク</t>
    </rPh>
    <rPh sb="8" eb="10">
      <t>レッカ</t>
    </rPh>
    <rPh sb="10" eb="12">
      <t>オ</t>
    </rPh>
    <rPh sb="12" eb="14">
      <t>ソンショウ</t>
    </rPh>
    <rPh sb="15" eb="17">
      <t>ジョウキョウ</t>
    </rPh>
    <phoneticPr fontId="2"/>
  </si>
  <si>
    <t>木造の床躯体の劣化及び損傷の状況</t>
    <rPh sb="3" eb="4">
      <t>ユカ</t>
    </rPh>
    <rPh sb="4" eb="5">
      <t>ク</t>
    </rPh>
    <rPh sb="5" eb="6">
      <t>タイ</t>
    </rPh>
    <rPh sb="7" eb="9">
      <t>レッカ</t>
    </rPh>
    <rPh sb="9" eb="11">
      <t>オ</t>
    </rPh>
    <rPh sb="11" eb="13">
      <t>ソンショウ</t>
    </rPh>
    <rPh sb="14" eb="16">
      <t>ジョウキョウ</t>
    </rPh>
    <phoneticPr fontId="2"/>
  </si>
  <si>
    <t>鉄骨造の床躯体の劣化及び損傷の状況</t>
    <rPh sb="4" eb="5">
      <t>ユカ</t>
    </rPh>
    <rPh sb="10" eb="12">
      <t>オ</t>
    </rPh>
    <phoneticPr fontId="2"/>
  </si>
  <si>
    <t>鉄筋コンクリート造及び鉄骨鉄筋コンクリート造の床躯体の劣化及び損傷の状況</t>
    <rPh sb="8" eb="9">
      <t>ゾウ</t>
    </rPh>
    <rPh sb="9" eb="10">
      <t>オヨ</t>
    </rPh>
    <rPh sb="11" eb="13">
      <t>テッコツ</t>
    </rPh>
    <rPh sb="13" eb="15">
      <t>テッキン</t>
    </rPh>
    <rPh sb="21" eb="22">
      <t>ゾウ</t>
    </rPh>
    <rPh sb="23" eb="24">
      <t>ユカ</t>
    </rPh>
    <rPh sb="29" eb="31">
      <t>オ</t>
    </rPh>
    <phoneticPr fontId="2"/>
  </si>
  <si>
    <t xml:space="preserve">幅員の確保の状況
</t>
    <rPh sb="0" eb="1">
      <t>ハバ</t>
    </rPh>
    <rPh sb="1" eb="2">
      <t>イン</t>
    </rPh>
    <rPh sb="3" eb="5">
      <t>カクホ</t>
    </rPh>
    <rPh sb="6" eb="8">
      <t>ジョウキョウ</t>
    </rPh>
    <phoneticPr fontId="2"/>
  </si>
  <si>
    <t>物品の放置の状況</t>
    <rPh sb="0" eb="2">
      <t>ブッピン</t>
    </rPh>
    <rPh sb="3" eb="5">
      <t>ホウチ</t>
    </rPh>
    <rPh sb="6" eb="8">
      <t>ジョウキョウ</t>
    </rPh>
    <phoneticPr fontId="2"/>
  </si>
  <si>
    <t>屋上広場の確保の状況</t>
    <rPh sb="0" eb="2">
      <t>オクジョウ</t>
    </rPh>
    <rPh sb="2" eb="4">
      <t>ヒロバ</t>
    </rPh>
    <rPh sb="5" eb="7">
      <t>カクホ</t>
    </rPh>
    <rPh sb="8" eb="10">
      <t>ジョウキョウ</t>
    </rPh>
    <phoneticPr fontId="2"/>
  </si>
  <si>
    <t>避難上有効なバルコニーの確保の状況</t>
    <rPh sb="0" eb="2">
      <t>ヒナン</t>
    </rPh>
    <rPh sb="2" eb="3">
      <t>ジョウ</t>
    </rPh>
    <rPh sb="3" eb="5">
      <t>ユウコウ</t>
    </rPh>
    <rPh sb="12" eb="14">
      <t>カクホ</t>
    </rPh>
    <rPh sb="15" eb="17">
      <t>ジョウキョウ</t>
    </rPh>
    <phoneticPr fontId="2"/>
  </si>
  <si>
    <t>手すり等の劣化及び損傷の状況</t>
    <rPh sb="3" eb="4">
      <t>トウ</t>
    </rPh>
    <rPh sb="5" eb="7">
      <t>レッカ</t>
    </rPh>
    <rPh sb="7" eb="9">
      <t>オ</t>
    </rPh>
    <rPh sb="9" eb="11">
      <t>ソンショウ</t>
    </rPh>
    <rPh sb="12" eb="14">
      <t>ジョウキョウ</t>
    </rPh>
    <phoneticPr fontId="2"/>
  </si>
  <si>
    <t>避難器具の操作性の確保の状況</t>
    <rPh sb="0" eb="2">
      <t>ヒナン</t>
    </rPh>
    <rPh sb="2" eb="4">
      <t>キグ</t>
    </rPh>
    <rPh sb="5" eb="8">
      <t>ソウサセイ</t>
    </rPh>
    <rPh sb="9" eb="11">
      <t>カクホ</t>
    </rPh>
    <rPh sb="12" eb="14">
      <t>ジョウキョウ</t>
    </rPh>
    <phoneticPr fontId="2"/>
  </si>
  <si>
    <t>直通階段の設置の状況</t>
    <rPh sb="0" eb="2">
      <t>チョクツウ</t>
    </rPh>
    <rPh sb="2" eb="4">
      <t>カイダン</t>
    </rPh>
    <rPh sb="5" eb="7">
      <t>セッチ</t>
    </rPh>
    <rPh sb="8" eb="10">
      <t>ジョウキョウ</t>
    </rPh>
    <phoneticPr fontId="2"/>
  </si>
  <si>
    <t>幅員の確保の状況</t>
    <rPh sb="0" eb="2">
      <t>フクイン</t>
    </rPh>
    <rPh sb="3" eb="5">
      <t>カクホ</t>
    </rPh>
    <rPh sb="6" eb="8">
      <t>ジョウキョウ</t>
    </rPh>
    <phoneticPr fontId="2"/>
  </si>
  <si>
    <t>手すりの設置の状況</t>
    <rPh sb="4" eb="6">
      <t>セッチ</t>
    </rPh>
    <rPh sb="7" eb="9">
      <t>ジョウキョウ</t>
    </rPh>
    <phoneticPr fontId="2"/>
  </si>
  <si>
    <t>階段各部の劣化及び損傷の状況</t>
    <rPh sb="0" eb="2">
      <t>カイダン</t>
    </rPh>
    <rPh sb="2" eb="4">
      <t>カクブ</t>
    </rPh>
    <rPh sb="5" eb="7">
      <t>レッカ</t>
    </rPh>
    <rPh sb="7" eb="9">
      <t>オ</t>
    </rPh>
    <rPh sb="9" eb="11">
      <t>ソンショウ</t>
    </rPh>
    <rPh sb="12" eb="14">
      <t>ジョウキョウ</t>
    </rPh>
    <phoneticPr fontId="2"/>
  </si>
  <si>
    <t>階段室の構造の確保の状況</t>
    <rPh sb="0" eb="3">
      <t>カイダンシツ</t>
    </rPh>
    <rPh sb="4" eb="6">
      <t>コウゾウ</t>
    </rPh>
    <rPh sb="7" eb="9">
      <t>カクホ</t>
    </rPh>
    <rPh sb="10" eb="12">
      <t>ジョウキョウ</t>
    </rPh>
    <phoneticPr fontId="2"/>
  </si>
  <si>
    <t>屋内と階段との間の防火区画の確保の状況</t>
    <rPh sb="0" eb="2">
      <t>オクナイ</t>
    </rPh>
    <rPh sb="3" eb="5">
      <t>カイダン</t>
    </rPh>
    <rPh sb="7" eb="8">
      <t>アイダ</t>
    </rPh>
    <rPh sb="9" eb="11">
      <t>ボウカ</t>
    </rPh>
    <rPh sb="11" eb="13">
      <t>クカク</t>
    </rPh>
    <rPh sb="14" eb="16">
      <t>カクホ</t>
    </rPh>
    <rPh sb="17" eb="19">
      <t>ジョウキョウ</t>
    </rPh>
    <phoneticPr fontId="2"/>
  </si>
  <si>
    <t>開放性の確保の状況</t>
    <rPh sb="0" eb="3">
      <t>カイホウセイ</t>
    </rPh>
    <rPh sb="4" eb="6">
      <t>カクホ</t>
    </rPh>
    <rPh sb="7" eb="9">
      <t>ジョウキョウ</t>
    </rPh>
    <phoneticPr fontId="2"/>
  </si>
  <si>
    <t>防煙区画の設置の状況</t>
    <rPh sb="5" eb="7">
      <t>セッチ</t>
    </rPh>
    <rPh sb="8" eb="9">
      <t>ジョウ</t>
    </rPh>
    <phoneticPr fontId="2"/>
  </si>
  <si>
    <t>防煙垂れ壁の劣化及び損傷の状況</t>
    <rPh sb="6" eb="8">
      <t>レッカ</t>
    </rPh>
    <rPh sb="8" eb="10">
      <t>オ</t>
    </rPh>
    <phoneticPr fontId="2"/>
  </si>
  <si>
    <t>可動式防煙垂れ壁の作動の状況</t>
    <rPh sb="9" eb="11">
      <t>サドウ</t>
    </rPh>
    <rPh sb="12" eb="14">
      <t>ジョウキョウ</t>
    </rPh>
    <phoneticPr fontId="2"/>
  </si>
  <si>
    <t>排煙設備の設置の状況</t>
    <rPh sb="8" eb="9">
      <t>ジョウ</t>
    </rPh>
    <phoneticPr fontId="2"/>
  </si>
  <si>
    <t>排煙設備の作動の状況</t>
    <rPh sb="0" eb="2">
      <t>ハイエン</t>
    </rPh>
    <rPh sb="2" eb="4">
      <t>セツビ</t>
    </rPh>
    <rPh sb="5" eb="7">
      <t>サドウ</t>
    </rPh>
    <rPh sb="8" eb="10">
      <t>ジョウキョウ</t>
    </rPh>
    <phoneticPr fontId="2"/>
  </si>
  <si>
    <t>非常用エレベーターの作動の状況</t>
    <rPh sb="0" eb="3">
      <t>ヒジョウヨウ</t>
    </rPh>
    <rPh sb="10" eb="12">
      <t>サドウ</t>
    </rPh>
    <rPh sb="13" eb="15">
      <t>ジョウキョウ</t>
    </rPh>
    <phoneticPr fontId="2"/>
  </si>
  <si>
    <t>非常用の照明装置の作動の状況</t>
    <rPh sb="0" eb="3">
      <t>ヒジョウヨウ</t>
    </rPh>
    <rPh sb="4" eb="6">
      <t>ショウメイ</t>
    </rPh>
    <rPh sb="6" eb="8">
      <t>ソウチ</t>
    </rPh>
    <rPh sb="9" eb="11">
      <t>サドウ</t>
    </rPh>
    <rPh sb="12" eb="14">
      <t>ジョウキョウ</t>
    </rPh>
    <phoneticPr fontId="2"/>
  </si>
  <si>
    <t>照明の妨げとなる物品の放置の状況</t>
    <rPh sb="0" eb="2">
      <t>ショウメイ</t>
    </rPh>
    <phoneticPr fontId="2"/>
  </si>
  <si>
    <t>膜体及び取付部材の劣化及び損傷の状況</t>
    <rPh sb="9" eb="11">
      <t>レッカ</t>
    </rPh>
    <rPh sb="11" eb="13">
      <t>オ</t>
    </rPh>
    <phoneticPr fontId="2"/>
  </si>
  <si>
    <t>免震装置の劣化及び損傷の状況（免震装置が可視状態にある場合に限る。）</t>
    <rPh sb="5" eb="7">
      <t>レッカ</t>
    </rPh>
    <rPh sb="7" eb="9">
      <t>オ</t>
    </rPh>
    <rPh sb="30" eb="31">
      <t>カギ</t>
    </rPh>
    <phoneticPr fontId="2"/>
  </si>
  <si>
    <t>避雷針、避雷導線等の劣化及び損傷の状況</t>
    <rPh sb="0" eb="3">
      <t>ヒライシン</t>
    </rPh>
    <rPh sb="4" eb="5">
      <t>サ</t>
    </rPh>
    <rPh sb="5" eb="6">
      <t>カミナリ</t>
    </rPh>
    <rPh sb="6" eb="8">
      <t>ドウセン</t>
    </rPh>
    <rPh sb="12" eb="14">
      <t>オ</t>
    </rPh>
    <phoneticPr fontId="2"/>
  </si>
  <si>
    <t>付帯金物の劣化及び損傷の状況</t>
    <rPh sb="0" eb="2">
      <t>フタイ</t>
    </rPh>
    <rPh sb="2" eb="4">
      <t>カナモノ</t>
    </rPh>
    <rPh sb="5" eb="7">
      <t>レッカ</t>
    </rPh>
    <rPh sb="7" eb="9">
      <t>オ</t>
    </rPh>
    <rPh sb="9" eb="11">
      <t>ソンショウ</t>
    </rPh>
    <rPh sb="12" eb="14">
      <t>ジョウキョウ</t>
    </rPh>
    <phoneticPr fontId="2"/>
  </si>
  <si>
    <t>煙突本体の劣化及び損傷の状況</t>
    <rPh sb="0" eb="2">
      <t>エントツ</t>
    </rPh>
    <rPh sb="2" eb="4">
      <t>ホンタイ</t>
    </rPh>
    <rPh sb="5" eb="7">
      <t>レッカ</t>
    </rPh>
    <rPh sb="7" eb="9">
      <t>オ</t>
    </rPh>
    <rPh sb="9" eb="11">
      <t>ソンショウ</t>
    </rPh>
    <rPh sb="12" eb="14">
      <t>ジョウキョウ</t>
    </rPh>
    <phoneticPr fontId="2"/>
  </si>
  <si>
    <t>膜構造建築物の膜体、取付部材等</t>
    <rPh sb="0" eb="1">
      <t>マク</t>
    </rPh>
    <rPh sb="1" eb="3">
      <t>コウゾウ</t>
    </rPh>
    <rPh sb="3" eb="6">
      <t>ケンチクブツ</t>
    </rPh>
    <phoneticPr fontId="2"/>
  </si>
  <si>
    <t>換気設備の設置の状況</t>
    <phoneticPr fontId="2"/>
  </si>
  <si>
    <t>換気設備の作動の状況</t>
    <phoneticPr fontId="2"/>
  </si>
  <si>
    <t>(43)</t>
  </si>
  <si>
    <t>(44)</t>
  </si>
  <si>
    <t>出入口</t>
    <rPh sb="0" eb="2">
      <t>デイ</t>
    </rPh>
    <rPh sb="2" eb="3">
      <t>クチ</t>
    </rPh>
    <phoneticPr fontId="2"/>
  </si>
  <si>
    <t>調査結果表</t>
    <rPh sb="0" eb="2">
      <t>チョウサ</t>
    </rPh>
    <rPh sb="2" eb="5">
      <t>ケッカヒョウ</t>
    </rPh>
    <phoneticPr fontId="2"/>
  </si>
  <si>
    <t>塀</t>
    <rPh sb="0" eb="1">
      <t>ヘイ</t>
    </rPh>
    <phoneticPr fontId="2"/>
  </si>
  <si>
    <t>(12)</t>
  </si>
  <si>
    <t>(13)</t>
  </si>
  <si>
    <t>(14)</t>
  </si>
  <si>
    <t>(15)</t>
  </si>
  <si>
    <t>屋根の防火対策の状況</t>
    <rPh sb="0" eb="2">
      <t>ヤネ</t>
    </rPh>
    <rPh sb="3" eb="5">
      <t>ボウカ</t>
    </rPh>
    <rPh sb="5" eb="7">
      <t>タイサク</t>
    </rPh>
    <rPh sb="8" eb="10">
      <t>ジョウキョウ</t>
    </rPh>
    <phoneticPr fontId="2"/>
  </si>
  <si>
    <t>屋根の劣化及び損傷の状況</t>
    <rPh sb="0" eb="2">
      <t>ヤネ</t>
    </rPh>
    <rPh sb="3" eb="5">
      <t>レッカ</t>
    </rPh>
    <rPh sb="5" eb="7">
      <t>オ</t>
    </rPh>
    <rPh sb="7" eb="9">
      <t>ソンショウ</t>
    </rPh>
    <rPh sb="10" eb="12">
      <t>ジョウキョウ</t>
    </rPh>
    <phoneticPr fontId="2"/>
  </si>
  <si>
    <t>令第114条に規定する界壁、間仕切壁及び隔壁</t>
    <rPh sb="0" eb="1">
      <t>レイ</t>
    </rPh>
    <rPh sb="1" eb="2">
      <t>ダイ</t>
    </rPh>
    <rPh sb="5" eb="6">
      <t>ジョウ</t>
    </rPh>
    <rPh sb="7" eb="9">
      <t>キテイ</t>
    </rPh>
    <rPh sb="11" eb="12">
      <t>カイ</t>
    </rPh>
    <rPh sb="12" eb="13">
      <t>ヘキ</t>
    </rPh>
    <rPh sb="14" eb="17">
      <t>マジキ</t>
    </rPh>
    <rPh sb="17" eb="18">
      <t>カベ</t>
    </rPh>
    <rPh sb="18" eb="19">
      <t>オヨ</t>
    </rPh>
    <rPh sb="20" eb="22">
      <t>カクヘキ</t>
    </rPh>
    <phoneticPr fontId="2"/>
  </si>
  <si>
    <t>照明器具、懸垂物等</t>
    <rPh sb="0" eb="2">
      <t>ショウメイ</t>
    </rPh>
    <rPh sb="2" eb="4">
      <t>キグ</t>
    </rPh>
    <rPh sb="5" eb="7">
      <t>ケンスイ</t>
    </rPh>
    <rPh sb="7" eb="9">
      <t>ブツナド</t>
    </rPh>
    <phoneticPr fontId="2"/>
  </si>
  <si>
    <t>配置図及び各階平面図を別添１の様式に従い添付し、指摘(特記すべき事項を含む）のあった箇所や撮影した写真の位置等を明記してください。</t>
    <rPh sb="0" eb="2">
      <t>ハイチ</t>
    </rPh>
    <rPh sb="2" eb="3">
      <t>ズ</t>
    </rPh>
    <rPh sb="3" eb="4">
      <t>オヨ</t>
    </rPh>
    <rPh sb="5" eb="7">
      <t>カクカイ</t>
    </rPh>
    <rPh sb="7" eb="10">
      <t>ヘイメンズ</t>
    </rPh>
    <rPh sb="11" eb="13">
      <t>ベッテン</t>
    </rPh>
    <rPh sb="15" eb="17">
      <t>ヨウシキ</t>
    </rPh>
    <rPh sb="18" eb="19">
      <t>シタガ</t>
    </rPh>
    <rPh sb="20" eb="22">
      <t>テンプ</t>
    </rPh>
    <rPh sb="24" eb="26">
      <t>シテキ</t>
    </rPh>
    <rPh sb="27" eb="29">
      <t>トッキ</t>
    </rPh>
    <rPh sb="32" eb="34">
      <t>ジコウ</t>
    </rPh>
    <rPh sb="35" eb="36">
      <t>フク</t>
    </rPh>
    <rPh sb="42" eb="44">
      <t>カショ</t>
    </rPh>
    <rPh sb="45" eb="47">
      <t>サツエイ</t>
    </rPh>
    <rPh sb="49" eb="51">
      <t>シャシン</t>
    </rPh>
    <rPh sb="52" eb="55">
      <t>イチナド</t>
    </rPh>
    <rPh sb="56" eb="58">
      <t>メイキ</t>
    </rPh>
    <phoneticPr fontId="2"/>
  </si>
  <si>
    <t>地盤</t>
    <phoneticPr fontId="2"/>
  </si>
  <si>
    <t>敷地</t>
    <phoneticPr fontId="2"/>
  </si>
  <si>
    <t>敷地内の排水の状況</t>
    <phoneticPr fontId="2"/>
  </si>
  <si>
    <t>(3)</t>
    <phoneticPr fontId="2"/>
  </si>
  <si>
    <t>敷地内の通路</t>
    <rPh sb="0" eb="3">
      <t>シキチナイ</t>
    </rPh>
    <phoneticPr fontId="2"/>
  </si>
  <si>
    <t>敷地内の通路の確保の状況</t>
    <rPh sb="0" eb="3">
      <t>シキチナイ</t>
    </rPh>
    <rPh sb="4" eb="6">
      <t>ツウロ</t>
    </rPh>
    <rPh sb="7" eb="8">
      <t>アキラ</t>
    </rPh>
    <phoneticPr fontId="2"/>
  </si>
  <si>
    <t>(4)</t>
    <phoneticPr fontId="2"/>
  </si>
  <si>
    <t>(5)</t>
    <phoneticPr fontId="2"/>
  </si>
  <si>
    <t>敷地内の通路の支障物の状況</t>
    <rPh sb="0" eb="3">
      <t>シキチナイ</t>
    </rPh>
    <rPh sb="11" eb="13">
      <t>ジョウキョウ</t>
    </rPh>
    <phoneticPr fontId="2"/>
  </si>
  <si>
    <t>(6)</t>
    <phoneticPr fontId="2"/>
  </si>
  <si>
    <t>組積造の塀又は補強コンクリートブロック造の塀等の耐震対策の状況</t>
    <rPh sb="0" eb="1">
      <t>ソ</t>
    </rPh>
    <rPh sb="1" eb="2">
      <t>セキ</t>
    </rPh>
    <rPh sb="2" eb="3">
      <t>ゾウ</t>
    </rPh>
    <rPh sb="4" eb="5">
      <t>ヘイ</t>
    </rPh>
    <rPh sb="5" eb="6">
      <t>マタ</t>
    </rPh>
    <rPh sb="7" eb="9">
      <t>ホキョウ</t>
    </rPh>
    <rPh sb="19" eb="20">
      <t>ゾウ</t>
    </rPh>
    <rPh sb="21" eb="22">
      <t>ヘイ</t>
    </rPh>
    <rPh sb="29" eb="30">
      <t>ジョウ</t>
    </rPh>
    <phoneticPr fontId="2"/>
  </si>
  <si>
    <t>組積造の塀又は補強コンクリートブロック造の塀等の劣化及び損傷の状況</t>
    <rPh sb="24" eb="26">
      <t>レッカ</t>
    </rPh>
    <rPh sb="26" eb="27">
      <t>オヨ</t>
    </rPh>
    <rPh sb="28" eb="30">
      <t>ソンショウ</t>
    </rPh>
    <rPh sb="31" eb="33">
      <t>ジョウキョウ</t>
    </rPh>
    <phoneticPr fontId="2"/>
  </si>
  <si>
    <t>(8)</t>
    <phoneticPr fontId="2"/>
  </si>
  <si>
    <t>建築物の外部</t>
    <rPh sb="0" eb="3">
      <t>ケンチクブツ</t>
    </rPh>
    <rPh sb="4" eb="6">
      <t>ガイブ</t>
    </rPh>
    <phoneticPr fontId="2"/>
  </si>
  <si>
    <t>(1)</t>
    <phoneticPr fontId="2"/>
  </si>
  <si>
    <t>(2)</t>
    <phoneticPr fontId="2"/>
  </si>
  <si>
    <t>(3)</t>
    <phoneticPr fontId="2"/>
  </si>
  <si>
    <t>(4)</t>
    <phoneticPr fontId="2"/>
  </si>
  <si>
    <t>(5)</t>
    <phoneticPr fontId="2"/>
  </si>
  <si>
    <t>外壁</t>
    <phoneticPr fontId="2"/>
  </si>
  <si>
    <t>外壁、軒裏及び外壁の開口部で延焼のおそれのある部分の防火対策の状況</t>
    <rPh sb="0" eb="2">
      <t>ガイヘキ</t>
    </rPh>
    <rPh sb="5" eb="6">
      <t>オヨ</t>
    </rPh>
    <rPh sb="7" eb="9">
      <t>ガイヘキ</t>
    </rPh>
    <rPh sb="10" eb="13">
      <t>カイコウブ</t>
    </rPh>
    <rPh sb="28" eb="30">
      <t>タイサク</t>
    </rPh>
    <rPh sb="31" eb="32">
      <t>ジョウ</t>
    </rPh>
    <phoneticPr fontId="2"/>
  </si>
  <si>
    <t>(7)</t>
    <phoneticPr fontId="2"/>
  </si>
  <si>
    <t>(8)</t>
    <phoneticPr fontId="2"/>
  </si>
  <si>
    <t>(10)</t>
    <phoneticPr fontId="2"/>
  </si>
  <si>
    <t>(11)</t>
    <phoneticPr fontId="2"/>
  </si>
  <si>
    <t>外装仕上げ材等</t>
    <phoneticPr fontId="2"/>
  </si>
  <si>
    <t>(12)</t>
    <phoneticPr fontId="2"/>
  </si>
  <si>
    <t>(16)</t>
    <phoneticPr fontId="2"/>
  </si>
  <si>
    <t>(18)</t>
    <phoneticPr fontId="2"/>
  </si>
  <si>
    <t>屋上面</t>
    <phoneticPr fontId="2"/>
  </si>
  <si>
    <t>(2)</t>
    <phoneticPr fontId="2"/>
  </si>
  <si>
    <t>(3)</t>
    <phoneticPr fontId="2"/>
  </si>
  <si>
    <t>(4)</t>
    <phoneticPr fontId="2"/>
  </si>
  <si>
    <t>(5)</t>
    <phoneticPr fontId="2"/>
  </si>
  <si>
    <t>(6)</t>
    <phoneticPr fontId="2"/>
  </si>
  <si>
    <t>(7)</t>
    <phoneticPr fontId="2"/>
  </si>
  <si>
    <t>(8)</t>
    <phoneticPr fontId="2"/>
  </si>
  <si>
    <t>機器及び工作物（冷却等設備、広告塔等）</t>
    <rPh sb="0" eb="2">
      <t>キキ</t>
    </rPh>
    <rPh sb="2" eb="3">
      <t>オヨ</t>
    </rPh>
    <rPh sb="4" eb="7">
      <t>コウサクブツ</t>
    </rPh>
    <rPh sb="8" eb="10">
      <t>レイキャク</t>
    </rPh>
    <rPh sb="10" eb="11">
      <t>トウ</t>
    </rPh>
    <rPh sb="11" eb="13">
      <t>セツビ</t>
    </rPh>
    <rPh sb="14" eb="17">
      <t>コウコクトウ</t>
    </rPh>
    <rPh sb="17" eb="18">
      <t>ナド</t>
    </rPh>
    <phoneticPr fontId="2"/>
  </si>
  <si>
    <t>建築物の内部</t>
    <rPh sb="4" eb="6">
      <t>ナイブ</t>
    </rPh>
    <phoneticPr fontId="2"/>
  </si>
  <si>
    <t>(1)</t>
    <phoneticPr fontId="2"/>
  </si>
  <si>
    <t>(2)</t>
    <phoneticPr fontId="2"/>
  </si>
  <si>
    <t>(3)</t>
    <phoneticPr fontId="2"/>
  </si>
  <si>
    <t>(4)</t>
    <phoneticPr fontId="2"/>
  </si>
  <si>
    <t>防火区画の外周部</t>
    <phoneticPr fontId="2"/>
  </si>
  <si>
    <t>(6)</t>
    <phoneticPr fontId="2"/>
  </si>
  <si>
    <t>壁の室内に面する部分</t>
    <phoneticPr fontId="2"/>
  </si>
  <si>
    <t>木造の壁の室内に面する部分の躯体の劣化及び損傷の状況</t>
    <rPh sb="14" eb="15">
      <t>ク</t>
    </rPh>
    <rPh sb="15" eb="16">
      <t>タイ</t>
    </rPh>
    <rPh sb="17" eb="19">
      <t>レッカ</t>
    </rPh>
    <rPh sb="19" eb="21">
      <t>オ</t>
    </rPh>
    <rPh sb="21" eb="23">
      <t>ソンショウ</t>
    </rPh>
    <rPh sb="24" eb="26">
      <t>ジョウキョウ</t>
    </rPh>
    <phoneticPr fontId="2"/>
  </si>
  <si>
    <t>組積造の壁の室内に面する部分の躯体の劣化及び損傷の状況</t>
    <rPh sb="20" eb="22">
      <t>オ</t>
    </rPh>
    <phoneticPr fontId="2"/>
  </si>
  <si>
    <t>補強コンクリートブロック造の壁の室内に面する部分の躯体の劣化及び損傷の状況</t>
    <rPh sb="30" eb="32">
      <t>オ</t>
    </rPh>
    <phoneticPr fontId="2"/>
  </si>
  <si>
    <t>鉄骨造の壁の室内に面する部分の躯体の劣化及び損傷の状況</t>
    <rPh sb="20" eb="22">
      <t>オ</t>
    </rPh>
    <phoneticPr fontId="2"/>
  </si>
  <si>
    <t>鉄筋コンクリート造及び鉄骨鉄筋コンクリート造の壁の室内に面する部分の躯体の劣化及び損傷の状況</t>
    <rPh sb="8" eb="9">
      <t>ゾウ</t>
    </rPh>
    <rPh sb="9" eb="10">
      <t>オヨ</t>
    </rPh>
    <rPh sb="11" eb="13">
      <t>テッコツ</t>
    </rPh>
    <rPh sb="13" eb="15">
      <t>テッキン</t>
    </rPh>
    <rPh sb="21" eb="22">
      <t>ゾウ</t>
    </rPh>
    <rPh sb="39" eb="41">
      <t>オ</t>
    </rPh>
    <phoneticPr fontId="2"/>
  </si>
  <si>
    <t>準耐火性能等の確保の状況</t>
    <rPh sb="3" eb="5">
      <t>セイノウ</t>
    </rPh>
    <rPh sb="5" eb="6">
      <t>トウ</t>
    </rPh>
    <rPh sb="7" eb="9">
      <t>カクホ</t>
    </rPh>
    <rPh sb="10" eb="12">
      <t>ジョウキョウ</t>
    </rPh>
    <phoneticPr fontId="2"/>
  </si>
  <si>
    <t>給水管、配電管その他の管又は風道の区画貫通部の充填等の処理の状況</t>
    <rPh sb="0" eb="3">
      <t>キュウスイカン</t>
    </rPh>
    <rPh sb="4" eb="6">
      <t>ハイデン</t>
    </rPh>
    <rPh sb="6" eb="7">
      <t>カン</t>
    </rPh>
    <rPh sb="9" eb="10">
      <t>タ</t>
    </rPh>
    <rPh sb="11" eb="12">
      <t>カン</t>
    </rPh>
    <rPh sb="12" eb="13">
      <t>マタ</t>
    </rPh>
    <rPh sb="14" eb="15">
      <t>カゼ</t>
    </rPh>
    <rPh sb="15" eb="16">
      <t>ミチ</t>
    </rPh>
    <rPh sb="17" eb="19">
      <t>クカク</t>
    </rPh>
    <rPh sb="19" eb="21">
      <t>カンツウ</t>
    </rPh>
    <rPh sb="21" eb="22">
      <t>ブ</t>
    </rPh>
    <rPh sb="23" eb="25">
      <t>ジュウテン</t>
    </rPh>
    <rPh sb="25" eb="26">
      <t>トウ</t>
    </rPh>
    <rPh sb="27" eb="29">
      <t>ショリ</t>
    </rPh>
    <rPh sb="30" eb="32">
      <t>ジョウキョウ</t>
    </rPh>
    <phoneticPr fontId="2"/>
  </si>
  <si>
    <t>令第114条に規定する界壁、間仕切壁及び隔壁の状況</t>
    <rPh sb="0" eb="1">
      <t>レイ</t>
    </rPh>
    <rPh sb="1" eb="2">
      <t>ダイ</t>
    </rPh>
    <rPh sb="5" eb="6">
      <t>ジョウ</t>
    </rPh>
    <rPh sb="7" eb="9">
      <t>キテイ</t>
    </rPh>
    <rPh sb="11" eb="12">
      <t>カイ</t>
    </rPh>
    <rPh sb="12" eb="13">
      <t>カベ</t>
    </rPh>
    <rPh sb="14" eb="18">
      <t>マジキリカベ</t>
    </rPh>
    <rPh sb="18" eb="19">
      <t>オヨ</t>
    </rPh>
    <rPh sb="20" eb="22">
      <t>カクヘキ</t>
    </rPh>
    <rPh sb="23" eb="25">
      <t>ジョウキョウ</t>
    </rPh>
    <phoneticPr fontId="2"/>
  </si>
  <si>
    <t>室内に面する部分の仕上げの維持保全の状況</t>
    <rPh sb="0" eb="2">
      <t>シツナイ</t>
    </rPh>
    <rPh sb="3" eb="4">
      <t>メン</t>
    </rPh>
    <rPh sb="6" eb="8">
      <t>ブブン</t>
    </rPh>
    <rPh sb="9" eb="11">
      <t>シア</t>
    </rPh>
    <rPh sb="15" eb="16">
      <t>ホ</t>
    </rPh>
    <rPh sb="16" eb="17">
      <t>ゼン</t>
    </rPh>
    <rPh sb="18" eb="20">
      <t>ジョウキョウ</t>
    </rPh>
    <phoneticPr fontId="2"/>
  </si>
  <si>
    <t>準耐火性能等の確保の状況</t>
    <rPh sb="0" eb="1">
      <t>ジュン</t>
    </rPh>
    <rPh sb="1" eb="3">
      <t>タイカ</t>
    </rPh>
    <rPh sb="3" eb="5">
      <t>セイノウ</t>
    </rPh>
    <rPh sb="5" eb="6">
      <t>トウ</t>
    </rPh>
    <rPh sb="7" eb="9">
      <t>カクホ</t>
    </rPh>
    <rPh sb="10" eb="12">
      <t>ジョウキョウ</t>
    </rPh>
    <phoneticPr fontId="2"/>
  </si>
  <si>
    <t>室内に面する部分の仕上げの維持保全の状況</t>
    <rPh sb="15" eb="16">
      <t>ホ</t>
    </rPh>
    <rPh sb="16" eb="17">
      <t>ゼン</t>
    </rPh>
    <rPh sb="18" eb="20">
      <t>ジョウキョウ</t>
    </rPh>
    <phoneticPr fontId="2"/>
  </si>
  <si>
    <t>室内に面する部分の仕上げの劣化及び損傷の状況</t>
    <rPh sb="15" eb="17">
      <t>オ</t>
    </rPh>
    <phoneticPr fontId="2"/>
  </si>
  <si>
    <t>昭和48年建設省告示第2563号第１第１号ロに規定する基準への適合の状況</t>
    <phoneticPr fontId="2"/>
  </si>
  <si>
    <t>(35)</t>
    <phoneticPr fontId="2"/>
  </si>
  <si>
    <t>照明器具、懸垂物等の落下防止対策の状況　</t>
    <phoneticPr fontId="2"/>
  </si>
  <si>
    <t>居室の採光及び換気</t>
    <phoneticPr fontId="2"/>
  </si>
  <si>
    <t>採光のための開口部の面積の確保の状況</t>
    <phoneticPr fontId="2"/>
  </si>
  <si>
    <t>採光の妨げとなる物品の放置の状況</t>
    <phoneticPr fontId="2"/>
  </si>
  <si>
    <t>換気のための開口部の面積の確保の状況</t>
    <phoneticPr fontId="2"/>
  </si>
  <si>
    <t>換気の妨げとなる物品の放置の状況</t>
    <phoneticPr fontId="2"/>
  </si>
  <si>
    <t>石綿等を添加した建築材料　</t>
    <phoneticPr fontId="2"/>
  </si>
  <si>
    <t>吹付け石綿及び吹付けロックウールでその含有する石綿の重量が当該建築材料の重量の0.1パーセントを超えるもの（以下「吹付け石綿等」という。）の使用の状況</t>
    <rPh sb="36" eb="38">
      <t>ジュウリョウ</t>
    </rPh>
    <rPh sb="57" eb="59">
      <t>フキツ</t>
    </rPh>
    <phoneticPr fontId="2"/>
  </si>
  <si>
    <t>吹付け石綿等の劣化の状況　</t>
    <rPh sb="0" eb="2">
      <t>フキツ</t>
    </rPh>
    <phoneticPr fontId="2"/>
  </si>
  <si>
    <t>　</t>
    <phoneticPr fontId="2"/>
  </si>
  <si>
    <t>除去又は囲い込み若しくは封じ込めによる飛散防止措置の実施の状況　</t>
    <rPh sb="2" eb="4">
      <t>マ</t>
    </rPh>
    <rPh sb="8" eb="9">
      <t>モ</t>
    </rPh>
    <phoneticPr fontId="2"/>
  </si>
  <si>
    <t>囲い込み又は封じ込めによる飛散防止措置の劣化及び損傷の状況　</t>
    <phoneticPr fontId="2"/>
  </si>
  <si>
    <t>　</t>
    <phoneticPr fontId="2"/>
  </si>
  <si>
    <t>令第120条第２項に規定する通路</t>
    <rPh sb="0" eb="1">
      <t>レイ</t>
    </rPh>
    <rPh sb="1" eb="2">
      <t>ダイ</t>
    </rPh>
    <rPh sb="5" eb="6">
      <t>ジョウ</t>
    </rPh>
    <rPh sb="6" eb="7">
      <t>ダイ</t>
    </rPh>
    <rPh sb="8" eb="9">
      <t>コウ</t>
    </rPh>
    <rPh sb="10" eb="12">
      <t>キテイ</t>
    </rPh>
    <rPh sb="14" eb="16">
      <t>ツウロ</t>
    </rPh>
    <phoneticPr fontId="2"/>
  </si>
  <si>
    <t>令第120条第２項に規定する通路の確保の状況</t>
    <rPh sb="0" eb="1">
      <t>レイ</t>
    </rPh>
    <rPh sb="1" eb="2">
      <t>ダイ</t>
    </rPh>
    <rPh sb="5" eb="6">
      <t>ジョウ</t>
    </rPh>
    <rPh sb="6" eb="7">
      <t>ダイ</t>
    </rPh>
    <rPh sb="8" eb="9">
      <t>コウ</t>
    </rPh>
    <rPh sb="10" eb="12">
      <t>キテイ</t>
    </rPh>
    <rPh sb="14" eb="16">
      <t>ツウロ</t>
    </rPh>
    <rPh sb="17" eb="19">
      <t>カクホ</t>
    </rPh>
    <rPh sb="20" eb="22">
      <t>ジョウキョウ</t>
    </rPh>
    <phoneticPr fontId="2"/>
  </si>
  <si>
    <t>(2)</t>
    <phoneticPr fontId="2"/>
  </si>
  <si>
    <t>(3)</t>
    <phoneticPr fontId="2"/>
  </si>
  <si>
    <t>(4)</t>
    <phoneticPr fontId="2"/>
  </si>
  <si>
    <t>出入口の確保の状況</t>
    <rPh sb="4" eb="6">
      <t>カクホ</t>
    </rPh>
    <rPh sb="7" eb="9">
      <t>ジョウキョウ</t>
    </rPh>
    <phoneticPr fontId="2"/>
  </si>
  <si>
    <t>(5)</t>
    <phoneticPr fontId="2"/>
  </si>
  <si>
    <t>(6)</t>
    <phoneticPr fontId="2"/>
  </si>
  <si>
    <t>(7)</t>
    <phoneticPr fontId="2"/>
  </si>
  <si>
    <t>(9)</t>
    <phoneticPr fontId="2"/>
  </si>
  <si>
    <t>(10)</t>
    <phoneticPr fontId="2"/>
  </si>
  <si>
    <t>(11)</t>
    <phoneticPr fontId="2"/>
  </si>
  <si>
    <t>(12)</t>
    <phoneticPr fontId="2"/>
  </si>
  <si>
    <t>(13)</t>
    <phoneticPr fontId="2"/>
  </si>
  <si>
    <t>(14)</t>
    <phoneticPr fontId="2"/>
  </si>
  <si>
    <t>(15)</t>
    <phoneticPr fontId="2"/>
  </si>
  <si>
    <t>(16)</t>
    <phoneticPr fontId="2"/>
  </si>
  <si>
    <t>屋内に設けられた避難階段</t>
    <rPh sb="0" eb="2">
      <t>オクナイ</t>
    </rPh>
    <rPh sb="3" eb="4">
      <t>モウ</t>
    </rPh>
    <rPh sb="8" eb="10">
      <t>ヒナン</t>
    </rPh>
    <rPh sb="10" eb="12">
      <t>カイダン</t>
    </rPh>
    <phoneticPr fontId="2"/>
  </si>
  <si>
    <t>(17)</t>
    <phoneticPr fontId="2"/>
  </si>
  <si>
    <t>屋外に設けられた避難階段</t>
    <rPh sb="0" eb="2">
      <t>オクガイ</t>
    </rPh>
    <rPh sb="3" eb="4">
      <t>モウ</t>
    </rPh>
    <rPh sb="8" eb="10">
      <t>ヒナン</t>
    </rPh>
    <rPh sb="10" eb="12">
      <t>カイダン</t>
    </rPh>
    <phoneticPr fontId="2"/>
  </si>
  <si>
    <t>(18)</t>
    <phoneticPr fontId="2"/>
  </si>
  <si>
    <t>(19)</t>
    <phoneticPr fontId="2"/>
  </si>
  <si>
    <t>バルコニー又は付室の構造及び面積の確保の状況</t>
    <rPh sb="5" eb="6">
      <t>マタ</t>
    </rPh>
    <rPh sb="7" eb="8">
      <t>ヅケ</t>
    </rPh>
    <rPh sb="8" eb="9">
      <t>シツ</t>
    </rPh>
    <rPh sb="10" eb="12">
      <t>コウゾウ</t>
    </rPh>
    <rPh sb="12" eb="13">
      <t>オヨ</t>
    </rPh>
    <rPh sb="14" eb="16">
      <t>メンセキ</t>
    </rPh>
    <rPh sb="17" eb="19">
      <t>カクホ</t>
    </rPh>
    <rPh sb="20" eb="22">
      <t>ジョウキョウ</t>
    </rPh>
    <phoneticPr fontId="2"/>
  </si>
  <si>
    <t>(20)</t>
    <phoneticPr fontId="2"/>
  </si>
  <si>
    <t>(23)</t>
    <phoneticPr fontId="2"/>
  </si>
  <si>
    <t>(24)</t>
    <phoneticPr fontId="2"/>
  </si>
  <si>
    <t>(25)</t>
    <phoneticPr fontId="2"/>
  </si>
  <si>
    <t>(26)</t>
    <phoneticPr fontId="2"/>
  </si>
  <si>
    <t>(27)</t>
    <phoneticPr fontId="2"/>
  </si>
  <si>
    <t>(28)</t>
    <phoneticPr fontId="2"/>
  </si>
  <si>
    <t>(29)</t>
    <phoneticPr fontId="2"/>
  </si>
  <si>
    <t>自然排煙口の維持保全の状況</t>
    <phoneticPr fontId="2"/>
  </si>
  <si>
    <t>(30)</t>
    <phoneticPr fontId="2"/>
  </si>
  <si>
    <t>その他の設備等</t>
    <phoneticPr fontId="2"/>
  </si>
  <si>
    <t>非常用の進入口等</t>
    <phoneticPr fontId="2"/>
  </si>
  <si>
    <t>非常用の進入口等の設置の状況</t>
    <phoneticPr fontId="2"/>
  </si>
  <si>
    <t>(31)</t>
    <phoneticPr fontId="2"/>
  </si>
  <si>
    <t>非常用の進入口等の維持保全の状況</t>
    <phoneticPr fontId="2"/>
  </si>
  <si>
    <t>(32)</t>
    <phoneticPr fontId="2"/>
  </si>
  <si>
    <t>非常用エレベーター</t>
    <phoneticPr fontId="2"/>
  </si>
  <si>
    <t>(33)</t>
    <phoneticPr fontId="2"/>
  </si>
  <si>
    <t>(34)</t>
    <phoneticPr fontId="2"/>
  </si>
  <si>
    <t>乗降ロビーの付室の外気に向かって開くことができる窓の状況</t>
    <rPh sb="0" eb="2">
      <t>ジョウコウ</t>
    </rPh>
    <rPh sb="6" eb="7">
      <t>フ</t>
    </rPh>
    <rPh sb="7" eb="8">
      <t>シツ</t>
    </rPh>
    <rPh sb="26" eb="28">
      <t>ジョウキョウ</t>
    </rPh>
    <phoneticPr fontId="2"/>
  </si>
  <si>
    <t>(36)</t>
    <phoneticPr fontId="2"/>
  </si>
  <si>
    <t>物品の放置の状況</t>
    <phoneticPr fontId="2"/>
  </si>
  <si>
    <t>(38)</t>
    <phoneticPr fontId="2"/>
  </si>
  <si>
    <t>非常用の照明装置</t>
    <phoneticPr fontId="2"/>
  </si>
  <si>
    <t>非常用の照明装置の設置の状況</t>
    <phoneticPr fontId="2"/>
  </si>
  <si>
    <t>(40)</t>
    <phoneticPr fontId="2"/>
  </si>
  <si>
    <t>(1)</t>
    <phoneticPr fontId="2"/>
  </si>
  <si>
    <t>(2)</t>
    <phoneticPr fontId="2"/>
  </si>
  <si>
    <t>膜張力及びケーブル張力の状況</t>
    <phoneticPr fontId="2"/>
  </si>
  <si>
    <t>免震構造建築物の免震層及び免震装置</t>
    <phoneticPr fontId="2"/>
  </si>
  <si>
    <t>(4)</t>
    <phoneticPr fontId="2"/>
  </si>
  <si>
    <t>上部構造の可動の状況</t>
    <phoneticPr fontId="2"/>
  </si>
  <si>
    <t>(5)</t>
    <phoneticPr fontId="2"/>
  </si>
  <si>
    <t>(6)</t>
    <phoneticPr fontId="2"/>
  </si>
  <si>
    <t>建築物に設ける煙突</t>
    <rPh sb="0" eb="3">
      <t>ケンチクブツ</t>
    </rPh>
    <rPh sb="4" eb="5">
      <t>モウ</t>
    </rPh>
    <rPh sb="7" eb="9">
      <t>エントツ</t>
    </rPh>
    <phoneticPr fontId="2"/>
  </si>
  <si>
    <t>煙突本体及び建築物との接合部の劣化及び損傷の状況</t>
    <rPh sb="2" eb="4">
      <t>ホンタイ</t>
    </rPh>
    <rPh sb="4" eb="5">
      <t>オヨ</t>
    </rPh>
    <rPh sb="7" eb="8">
      <t>チク</t>
    </rPh>
    <rPh sb="17" eb="19">
      <t>オ</t>
    </rPh>
    <phoneticPr fontId="2"/>
  </si>
  <si>
    <t>(7)</t>
    <phoneticPr fontId="2"/>
  </si>
  <si>
    <t>令第138条第１項第１号に掲げる煙突</t>
    <rPh sb="0" eb="1">
      <t>レイ</t>
    </rPh>
    <rPh sb="1" eb="2">
      <t>ダイ</t>
    </rPh>
    <rPh sb="5" eb="6">
      <t>ジョウ</t>
    </rPh>
    <rPh sb="6" eb="7">
      <t>ダイ</t>
    </rPh>
    <rPh sb="8" eb="9">
      <t>コウ</t>
    </rPh>
    <rPh sb="9" eb="10">
      <t>ダイ</t>
    </rPh>
    <rPh sb="11" eb="12">
      <t>ゴウ</t>
    </rPh>
    <rPh sb="13" eb="14">
      <t>カカ</t>
    </rPh>
    <phoneticPr fontId="2"/>
  </si>
  <si>
    <t>　該当しない調査項目がある場合は、当該項目の「番号」欄から「担当調査者番号」欄までを取消線で抹消してください。</t>
    <rPh sb="6" eb="8">
      <t>チョウサ</t>
    </rPh>
    <rPh sb="17" eb="19">
      <t>トウガイ</t>
    </rPh>
    <rPh sb="19" eb="21">
      <t>コウモク</t>
    </rPh>
    <rPh sb="32" eb="34">
      <t>チョウサ</t>
    </rPh>
    <rPh sb="42" eb="44">
      <t>トリケシ</t>
    </rPh>
    <phoneticPr fontId="2"/>
  </si>
  <si>
    <t>　「検査結果」欄のうち「指摘なし」欄は、⑥に該当しない場合に○印を記入してください。</t>
    <phoneticPr fontId="2"/>
  </si>
  <si>
    <t>⑧</t>
    <phoneticPr fontId="2"/>
  </si>
  <si>
    <t>　「担当調査者番号」欄は、「調査に関与した調査者」欄で記入した番号、記号等を記入してください。ただし、当該建築物の調査を行った調査者が１人の場合は、記入しなくても構いません。</t>
    <rPh sb="4" eb="6">
      <t>チョウサ</t>
    </rPh>
    <rPh sb="14" eb="16">
      <t>チョウサ</t>
    </rPh>
    <rPh sb="17" eb="19">
      <t>カンヨ</t>
    </rPh>
    <rPh sb="21" eb="24">
      <t>チョウサシャ</t>
    </rPh>
    <rPh sb="25" eb="26">
      <t>ラン</t>
    </rPh>
    <rPh sb="27" eb="29">
      <t>キニュウ</t>
    </rPh>
    <rPh sb="34" eb="36">
      <t>キゴウ</t>
    </rPh>
    <rPh sb="36" eb="37">
      <t>トウ</t>
    </rPh>
    <rPh sb="53" eb="56">
      <t>ケンチクブツ</t>
    </rPh>
    <rPh sb="57" eb="59">
      <t>チョウサ</t>
    </rPh>
    <rPh sb="60" eb="61">
      <t>オコナ</t>
    </rPh>
    <rPh sb="63" eb="65">
      <t>チョウサ</t>
    </rPh>
    <rPh sb="68" eb="69">
      <t>ニン</t>
    </rPh>
    <phoneticPr fontId="2"/>
  </si>
  <si>
    <t>⑩</t>
    <phoneticPr fontId="2"/>
  </si>
  <si>
    <t>⑪</t>
    <phoneticPr fontId="2"/>
  </si>
  <si>
    <t>　「特記事項」は、調査の結果、要是正の指摘があった場合のほか、指摘がない場合にあっても特記すべき事項がある場合に、該当する調査項目の番号、調査項目を記入し、「指摘の具体的内容等」欄に指摘又は特記すべき事項の具体的内容を記入するとともに、改善済みの場合及び改善策が明らかになっている場合は「改善策の具体的内容等」欄にその内容を記入し、改善した場合は「改善（予定）年月」欄に当該年月を記入し、改善予定年月が明らかになっている場合は「改善（予定）年月」欄に当該年月を（　）書きで記入してください。</t>
    <rPh sb="9" eb="11">
      <t>チョウサ</t>
    </rPh>
    <rPh sb="61" eb="63">
      <t>チョウサ</t>
    </rPh>
    <rPh sb="69" eb="71">
      <t>チョウサ</t>
    </rPh>
    <rPh sb="93" eb="94">
      <t>マタ</t>
    </rPh>
    <rPh sb="118" eb="120">
      <t>カイゼン</t>
    </rPh>
    <rPh sb="120" eb="121">
      <t>ズ</t>
    </rPh>
    <rPh sb="123" eb="125">
      <t>バアイ</t>
    </rPh>
    <rPh sb="125" eb="127">
      <t>オ</t>
    </rPh>
    <rPh sb="153" eb="154">
      <t>トウ</t>
    </rPh>
    <rPh sb="166" eb="168">
      <t>カイゼン</t>
    </rPh>
    <rPh sb="170" eb="172">
      <t>バアイ</t>
    </rPh>
    <rPh sb="183" eb="184">
      <t>ラン</t>
    </rPh>
    <rPh sb="185" eb="187">
      <t>トウガイ</t>
    </rPh>
    <rPh sb="187" eb="189">
      <t>ネンゲツ</t>
    </rPh>
    <rPh sb="190" eb="192">
      <t>キニュウ</t>
    </rPh>
    <rPh sb="233" eb="234">
      <t>カ</t>
    </rPh>
    <phoneticPr fontId="2"/>
  </si>
  <si>
    <t>⑫</t>
    <phoneticPr fontId="2"/>
  </si>
  <si>
    <t>⑬</t>
    <phoneticPr fontId="2"/>
  </si>
  <si>
    <t>特定天井</t>
    <rPh sb="0" eb="2">
      <t>トクテイ</t>
    </rPh>
    <rPh sb="2" eb="4">
      <t>テンジョウ</t>
    </rPh>
    <phoneticPr fontId="2"/>
  </si>
  <si>
    <t>特定天井の天井材の劣化及び損傷の状況</t>
    <rPh sb="0" eb="2">
      <t>トクテイ</t>
    </rPh>
    <rPh sb="2" eb="4">
      <t>テンジョウ</t>
    </rPh>
    <rPh sb="5" eb="7">
      <t>テンジョウ</t>
    </rPh>
    <rPh sb="7" eb="8">
      <t>ザイ</t>
    </rPh>
    <rPh sb="9" eb="11">
      <t>レッカ</t>
    </rPh>
    <rPh sb="11" eb="12">
      <t>オヨ</t>
    </rPh>
    <rPh sb="13" eb="15">
      <t>ソンショウ</t>
    </rPh>
    <rPh sb="16" eb="18">
      <t>ジョウキョウ</t>
    </rPh>
    <phoneticPr fontId="2"/>
  </si>
  <si>
    <t>令第128条の5各項に規定する建築物の壁の室内に面する部分</t>
    <rPh sb="0" eb="1">
      <t>レイ</t>
    </rPh>
    <rPh sb="11" eb="13">
      <t>キテイ</t>
    </rPh>
    <rPh sb="15" eb="18">
      <t>ケンチクブツ</t>
    </rPh>
    <rPh sb="19" eb="20">
      <t>カベ</t>
    </rPh>
    <rPh sb="21" eb="23">
      <t>シツナイ</t>
    </rPh>
    <rPh sb="24" eb="25">
      <t>メン</t>
    </rPh>
    <rPh sb="27" eb="29">
      <t>ブブン</t>
    </rPh>
    <phoneticPr fontId="2"/>
  </si>
  <si>
    <t>令第128条の5各項に規定する建築物の天井の室内に面する部分</t>
    <rPh sb="0" eb="1">
      <t>レイ</t>
    </rPh>
    <rPh sb="11" eb="13">
      <t>キテイ</t>
    </rPh>
    <rPh sb="15" eb="18">
      <t>ケンチクブツ</t>
    </rPh>
    <rPh sb="19" eb="21">
      <t>テンジョウ</t>
    </rPh>
    <rPh sb="22" eb="24">
      <t>シツナイ</t>
    </rPh>
    <rPh sb="25" eb="26">
      <t>メン</t>
    </rPh>
    <rPh sb="28" eb="30">
      <t>ブブン</t>
    </rPh>
    <phoneticPr fontId="2"/>
  </si>
  <si>
    <t>(29)</t>
  </si>
  <si>
    <t>(30)</t>
  </si>
  <si>
    <t>(31)</t>
  </si>
  <si>
    <t>(32)</t>
  </si>
  <si>
    <t>(33)</t>
  </si>
  <si>
    <t>(7)</t>
  </si>
  <si>
    <t>(8)</t>
  </si>
  <si>
    <t>(9)</t>
  </si>
  <si>
    <t>(10)</t>
  </si>
  <si>
    <t>(11)</t>
  </si>
  <si>
    <t>(16)</t>
  </si>
  <si>
    <t>(17)</t>
  </si>
  <si>
    <t>(18)</t>
  </si>
  <si>
    <t>(19)</t>
  </si>
  <si>
    <t>(20)</t>
  </si>
  <si>
    <t>(21)</t>
  </si>
  <si>
    <t>(22)</t>
  </si>
  <si>
    <t>(23)</t>
  </si>
  <si>
    <t>(24)</t>
  </si>
  <si>
    <t>(25)</t>
  </si>
  <si>
    <t>(26)</t>
  </si>
  <si>
    <t>(27)</t>
  </si>
  <si>
    <t>(28)</t>
  </si>
  <si>
    <t>(38)</t>
  </si>
  <si>
    <t>(39)</t>
  </si>
  <si>
    <t>(40)</t>
  </si>
  <si>
    <t>(41)</t>
  </si>
  <si>
    <t>(42)</t>
  </si>
  <si>
    <t>付室等の排煙設備の設置の状況</t>
    <rPh sb="0" eb="1">
      <t>フ</t>
    </rPh>
    <rPh sb="1" eb="2">
      <t>シツ</t>
    </rPh>
    <rPh sb="2" eb="3">
      <t>トウ</t>
    </rPh>
    <rPh sb="4" eb="6">
      <t>ハイエン</t>
    </rPh>
    <rPh sb="6" eb="8">
      <t>セツビ</t>
    </rPh>
    <rPh sb="9" eb="11">
      <t>セッチ</t>
    </rPh>
    <rPh sb="12" eb="14">
      <t>ジョウキョウ</t>
    </rPh>
    <phoneticPr fontId="2"/>
  </si>
  <si>
    <t>付室等の排煙設備の作動の状況</t>
    <rPh sb="0" eb="1">
      <t>フ</t>
    </rPh>
    <rPh sb="1" eb="2">
      <t>シツ</t>
    </rPh>
    <rPh sb="2" eb="3">
      <t>トウ</t>
    </rPh>
    <rPh sb="4" eb="6">
      <t>ハイエン</t>
    </rPh>
    <rPh sb="6" eb="8">
      <t>セツビ</t>
    </rPh>
    <rPh sb="9" eb="11">
      <t>サドウ</t>
    </rPh>
    <rPh sb="12" eb="14">
      <t>ジョウキョウ</t>
    </rPh>
    <phoneticPr fontId="2"/>
  </si>
  <si>
    <t>付室等の外気に向かって開くことができる窓の状況</t>
    <rPh sb="0" eb="1">
      <t>フ</t>
    </rPh>
    <rPh sb="1" eb="2">
      <t>シツ</t>
    </rPh>
    <rPh sb="2" eb="3">
      <t>トウ</t>
    </rPh>
    <rPh sb="4" eb="6">
      <t>ガイキ</t>
    </rPh>
    <rPh sb="7" eb="8">
      <t>ム</t>
    </rPh>
    <rPh sb="11" eb="12">
      <t>ヒラ</t>
    </rPh>
    <rPh sb="19" eb="20">
      <t>マド</t>
    </rPh>
    <rPh sb="21" eb="23">
      <t>ジョウキョウ</t>
    </rPh>
    <phoneticPr fontId="2"/>
  </si>
  <si>
    <t>乗降ロビー等の排煙設備の設置の状況</t>
    <rPh sb="5" eb="6">
      <t>トウ</t>
    </rPh>
    <phoneticPr fontId="2"/>
  </si>
  <si>
    <t>乗降ロビー等の排煙設備の作動の状況</t>
    <rPh sb="0" eb="2">
      <t>ジョウコウ</t>
    </rPh>
    <rPh sb="5" eb="6">
      <t>トウ</t>
    </rPh>
    <rPh sb="7" eb="9">
      <t>ハイエン</t>
    </rPh>
    <rPh sb="9" eb="11">
      <t>セツビ</t>
    </rPh>
    <rPh sb="12" eb="14">
      <t>サドウ</t>
    </rPh>
    <rPh sb="15" eb="17">
      <t>ジョウキョウ</t>
    </rPh>
    <phoneticPr fontId="2"/>
  </si>
  <si>
    <t>　「当該調査に関与した調査者」欄は、建築基準法施行規則別記第36の２様式第一面３欄に記入した調査者について記入し、「調査者番号」欄に調査者を特定できる番号、記号等を記入してください。当該建築物の調査を行った調査者が１人の場合は、その他の調査者欄は削除して構いません。</t>
    <rPh sb="2" eb="4">
      <t>トウガイ</t>
    </rPh>
    <rPh sb="4" eb="6">
      <t>チョウサ</t>
    </rPh>
    <rPh sb="7" eb="9">
      <t>カンヨ</t>
    </rPh>
    <rPh sb="11" eb="14">
      <t>チョウサシャ</t>
    </rPh>
    <rPh sb="15" eb="16">
      <t>ラン</t>
    </rPh>
    <rPh sb="18" eb="20">
      <t>ケンチク</t>
    </rPh>
    <rPh sb="20" eb="23">
      <t>キジュンホウ</t>
    </rPh>
    <rPh sb="23" eb="25">
      <t>セコウ</t>
    </rPh>
    <rPh sb="25" eb="27">
      <t>キソク</t>
    </rPh>
    <rPh sb="27" eb="29">
      <t>ベッキ</t>
    </rPh>
    <rPh sb="29" eb="30">
      <t>ダイ</t>
    </rPh>
    <rPh sb="34" eb="36">
      <t>ヨウシキ</t>
    </rPh>
    <rPh sb="36" eb="37">
      <t>ダイ</t>
    </rPh>
    <rPh sb="37" eb="38">
      <t>イチ</t>
    </rPh>
    <rPh sb="38" eb="39">
      <t>メン</t>
    </rPh>
    <rPh sb="40" eb="41">
      <t>ラン</t>
    </rPh>
    <rPh sb="42" eb="44">
      <t>キニュウ</t>
    </rPh>
    <rPh sb="46" eb="49">
      <t>チョウサシャ</t>
    </rPh>
    <rPh sb="53" eb="55">
      <t>キニュウ</t>
    </rPh>
    <rPh sb="58" eb="61">
      <t>チョウサシャ</t>
    </rPh>
    <rPh sb="64" eb="65">
      <t>ラン</t>
    </rPh>
    <phoneticPr fontId="2"/>
  </si>
  <si>
    <r>
      <t>乗降ロビー</t>
    </r>
    <r>
      <rPr>
        <sz val="8"/>
        <rFont val="ＭＳ 明朝"/>
        <family val="1"/>
        <charset val="128"/>
      </rPr>
      <t>の構造及び面積の確保の状況</t>
    </r>
    <rPh sb="8" eb="9">
      <t>オヨ</t>
    </rPh>
    <rPh sb="10" eb="12">
      <t>メンセキ</t>
    </rPh>
    <rPh sb="13" eb="15">
      <t>カクホ</t>
    </rPh>
    <rPh sb="16" eb="18">
      <t>ジョウキョウ</t>
    </rPh>
    <phoneticPr fontId="2"/>
  </si>
  <si>
    <t>(34)</t>
  </si>
  <si>
    <t>(35)</t>
  </si>
  <si>
    <t>(36)</t>
  </si>
  <si>
    <t>(37)</t>
  </si>
  <si>
    <t>(45)</t>
    <phoneticPr fontId="2"/>
  </si>
  <si>
    <t>耐火構造の壁又は準耐火構造の壁（防火区画を構成する壁等に限る。）</t>
    <rPh sb="0" eb="2">
      <t>タイカ</t>
    </rPh>
    <rPh sb="2" eb="4">
      <t>コウゾウ</t>
    </rPh>
    <rPh sb="5" eb="6">
      <t>カベ</t>
    </rPh>
    <rPh sb="6" eb="7">
      <t>マタ</t>
    </rPh>
    <rPh sb="8" eb="9">
      <t>ジュン</t>
    </rPh>
    <rPh sb="9" eb="11">
      <t>タイカ</t>
    </rPh>
    <rPh sb="11" eb="13">
      <t>コウゾウ</t>
    </rPh>
    <rPh sb="14" eb="15">
      <t>カベ</t>
    </rPh>
    <rPh sb="16" eb="18">
      <t>ボウカ</t>
    </rPh>
    <rPh sb="18" eb="20">
      <t>クカク</t>
    </rPh>
    <rPh sb="21" eb="23">
      <t>コウセイ</t>
    </rPh>
    <rPh sb="25" eb="26">
      <t>カベ</t>
    </rPh>
    <rPh sb="26" eb="27">
      <t>トウ</t>
    </rPh>
    <rPh sb="28" eb="29">
      <t>カギ</t>
    </rPh>
    <phoneticPr fontId="2"/>
  </si>
  <si>
    <t>耐火構造の床又は準耐火構造の床（防火区画を構成する床の限る。）</t>
    <rPh sb="0" eb="2">
      <t>タイカ</t>
    </rPh>
    <rPh sb="2" eb="4">
      <t>コウゾウ</t>
    </rPh>
    <rPh sb="5" eb="6">
      <t>ユカ</t>
    </rPh>
    <rPh sb="6" eb="7">
      <t>マタ</t>
    </rPh>
    <rPh sb="8" eb="9">
      <t>ジュン</t>
    </rPh>
    <rPh sb="9" eb="11">
      <t>タイカ</t>
    </rPh>
    <rPh sb="11" eb="13">
      <t>コウゾウ</t>
    </rPh>
    <rPh sb="14" eb="15">
      <t>ユカ</t>
    </rPh>
    <rPh sb="16" eb="18">
      <t>ボウカ</t>
    </rPh>
    <rPh sb="18" eb="20">
      <t>クカク</t>
    </rPh>
    <rPh sb="21" eb="23">
      <t>コウセイ</t>
    </rPh>
    <rPh sb="25" eb="26">
      <t>ユカ</t>
    </rPh>
    <rPh sb="27" eb="28">
      <t>カギ</t>
    </rPh>
    <phoneticPr fontId="2"/>
  </si>
  <si>
    <t>防火設備（防火扉、防火シャッターその他これらに類するものに限る。）又は戸</t>
    <rPh sb="33" eb="34">
      <t>マタ</t>
    </rPh>
    <rPh sb="35" eb="36">
      <t>ト</t>
    </rPh>
    <phoneticPr fontId="2"/>
  </si>
  <si>
    <t>区画に対応した防火設備又は戸の設置の状況</t>
    <rPh sb="0" eb="2">
      <t>クカク</t>
    </rPh>
    <rPh sb="3" eb="5">
      <t>タイオウ</t>
    </rPh>
    <rPh sb="7" eb="9">
      <t>ボウカ</t>
    </rPh>
    <rPh sb="9" eb="11">
      <t>セツビ</t>
    </rPh>
    <rPh sb="11" eb="12">
      <t>マタ</t>
    </rPh>
    <rPh sb="13" eb="14">
      <t>ト</t>
    </rPh>
    <rPh sb="15" eb="17">
      <t>セッチ</t>
    </rPh>
    <rPh sb="18" eb="19">
      <t>ジョウ</t>
    </rPh>
    <rPh sb="19" eb="20">
      <t>キョウ</t>
    </rPh>
    <phoneticPr fontId="2"/>
  </si>
  <si>
    <t>居室から地上へ通じる主たる廊下、階段その他の通路に設置された防火設備又は戸におけるくぐり戸の設置の状況</t>
    <rPh sb="0" eb="2">
      <t>キョシツ</t>
    </rPh>
    <rPh sb="4" eb="6">
      <t>チジョウ</t>
    </rPh>
    <rPh sb="7" eb="8">
      <t>ツウ</t>
    </rPh>
    <rPh sb="10" eb="11">
      <t>シュ</t>
    </rPh>
    <rPh sb="13" eb="15">
      <t>ロウカ</t>
    </rPh>
    <rPh sb="16" eb="18">
      <t>カイダン</t>
    </rPh>
    <rPh sb="20" eb="21">
      <t>タ</t>
    </rPh>
    <rPh sb="22" eb="24">
      <t>ツウロ</t>
    </rPh>
    <rPh sb="25" eb="27">
      <t>セッチ</t>
    </rPh>
    <rPh sb="30" eb="32">
      <t>ボウカ</t>
    </rPh>
    <rPh sb="32" eb="34">
      <t>セツビ</t>
    </rPh>
    <rPh sb="34" eb="35">
      <t>マタ</t>
    </rPh>
    <rPh sb="36" eb="37">
      <t>ト</t>
    </rPh>
    <rPh sb="44" eb="45">
      <t>ト</t>
    </rPh>
    <rPh sb="46" eb="48">
      <t>セッチ</t>
    </rPh>
    <phoneticPr fontId="2"/>
  </si>
  <si>
    <t>防火扉又は戸の開放方向</t>
    <rPh sb="2" eb="3">
      <t>トビラ</t>
    </rPh>
    <rPh sb="3" eb="4">
      <t>マタ</t>
    </rPh>
    <rPh sb="5" eb="6">
      <t>ト</t>
    </rPh>
    <rPh sb="7" eb="9">
      <t>カイホウ</t>
    </rPh>
    <rPh sb="9" eb="11">
      <t>ホウコウ</t>
    </rPh>
    <phoneticPr fontId="2"/>
  </si>
  <si>
    <t>常閉防火設備等の本体と枠の劣化及び損傷の状況</t>
    <rPh sb="0" eb="1">
      <t>ツネ</t>
    </rPh>
    <rPh sb="1" eb="2">
      <t>ト</t>
    </rPh>
    <rPh sb="2" eb="4">
      <t>ボウカ</t>
    </rPh>
    <rPh sb="4" eb="6">
      <t>セツビ</t>
    </rPh>
    <rPh sb="6" eb="7">
      <t>トウ</t>
    </rPh>
    <rPh sb="13" eb="15">
      <t>レッカ</t>
    </rPh>
    <rPh sb="15" eb="17">
      <t>オ</t>
    </rPh>
    <rPh sb="17" eb="19">
      <t>ソンショウ</t>
    </rPh>
    <rPh sb="20" eb="22">
      <t>ジョウキョウ</t>
    </rPh>
    <phoneticPr fontId="2"/>
  </si>
  <si>
    <t>常閉防火設備等の閉鎖又は作動の状況</t>
    <rPh sb="2" eb="4">
      <t>ボウカ</t>
    </rPh>
    <rPh sb="4" eb="6">
      <t>セツビ</t>
    </rPh>
    <rPh sb="6" eb="7">
      <t>トウ</t>
    </rPh>
    <rPh sb="8" eb="10">
      <t>ヘイサ</t>
    </rPh>
    <rPh sb="10" eb="12">
      <t>マ</t>
    </rPh>
    <rPh sb="12" eb="14">
      <t>サドウ</t>
    </rPh>
    <rPh sb="15" eb="17">
      <t>ジョウキョウ</t>
    </rPh>
    <phoneticPr fontId="2"/>
  </si>
  <si>
    <t>常閉防火設備等の閉鎖又は作動の障害となる物品の放置の状況</t>
    <rPh sb="6" eb="7">
      <t>トウ</t>
    </rPh>
    <rPh sb="10" eb="12">
      <t>マ</t>
    </rPh>
    <rPh sb="12" eb="14">
      <t>サドウ</t>
    </rPh>
    <rPh sb="21" eb="22">
      <t>シナ</t>
    </rPh>
    <rPh sb="23" eb="25">
      <t>ホウチ</t>
    </rPh>
    <phoneticPr fontId="2"/>
  </si>
  <si>
    <t>常閉防火扉等の固定の状況</t>
    <rPh sb="2" eb="4">
      <t>ボウカ</t>
    </rPh>
    <rPh sb="4" eb="5">
      <t>トビラ</t>
    </rPh>
    <rPh sb="5" eb="6">
      <t>トウ</t>
    </rPh>
    <rPh sb="7" eb="9">
      <t>コテイ</t>
    </rPh>
    <phoneticPr fontId="2"/>
  </si>
  <si>
    <t>防火設備又は戸の閉鎖の障害となる照明器具、懸垂物等の状況</t>
    <rPh sb="4" eb="5">
      <t>マタ</t>
    </rPh>
    <rPh sb="6" eb="7">
      <t>ト</t>
    </rPh>
    <phoneticPr fontId="2"/>
  </si>
  <si>
    <t>令第112条第11項から第13項までに規定する区画の状況</t>
    <rPh sb="12" eb="13">
      <t>ダイ</t>
    </rPh>
    <rPh sb="15" eb="16">
      <t>コウ</t>
    </rPh>
    <phoneticPr fontId="2"/>
  </si>
  <si>
    <t>令第112条第1項、第4項、第5項又は第7項から第10項までの各項に規定する区画の状況</t>
    <rPh sb="10" eb="11">
      <t>ダイ</t>
    </rPh>
    <rPh sb="12" eb="13">
      <t>コウ</t>
    </rPh>
    <rPh sb="14" eb="15">
      <t>ダイ</t>
    </rPh>
    <rPh sb="16" eb="17">
      <t>コウ</t>
    </rPh>
    <rPh sb="17" eb="18">
      <t>マタ</t>
    </rPh>
    <rPh sb="24" eb="25">
      <t>ダイ</t>
    </rPh>
    <rPh sb="27" eb="28">
      <t>コウ</t>
    </rPh>
    <rPh sb="41" eb="43">
      <t>ジョウキョウ</t>
    </rPh>
    <phoneticPr fontId="2"/>
  </si>
  <si>
    <t>令第112条第18項に規定する区画の状況</t>
    <phoneticPr fontId="2"/>
  </si>
  <si>
    <t>令第112条第16項に規定する外壁等及び同条第17項に規定する防火設備の処置の状況</t>
    <rPh sb="18" eb="19">
      <t>オヨ</t>
    </rPh>
    <rPh sb="20" eb="22">
      <t>ドウジョウ</t>
    </rPh>
    <rPh sb="22" eb="23">
      <t>ダイ</t>
    </rPh>
    <rPh sb="25" eb="26">
      <t>コウ</t>
    </rPh>
    <rPh sb="27" eb="29">
      <t>キテイ</t>
    </rPh>
    <rPh sb="31" eb="33">
      <t>ボウカ</t>
    </rPh>
    <rPh sb="33" eb="35">
      <t>セツビ</t>
    </rPh>
    <phoneticPr fontId="2"/>
  </si>
  <si>
    <t>令第112条第16項に規定する外壁等及び同条第17項に規定する防火設備の劣化及び損傷の状況</t>
    <rPh sb="36" eb="38">
      <t>レッカ</t>
    </rPh>
    <rPh sb="38" eb="40">
      <t>オ</t>
    </rPh>
    <rPh sb="40" eb="42">
      <t>ソンショウ</t>
    </rPh>
    <rPh sb="43" eb="45">
      <t>ジョウキョウ</t>
    </rPh>
    <phoneticPr fontId="2"/>
  </si>
  <si>
    <t>その他確認事項</t>
    <rPh sb="1" eb="2">
      <t>タ</t>
    </rPh>
    <rPh sb="2" eb="4">
      <t>カクニン</t>
    </rPh>
    <rPh sb="4" eb="6">
      <t>ジコウ</t>
    </rPh>
    <phoneticPr fontId="2"/>
  </si>
  <si>
    <t>法第12条第3項の規定による検査を要する防火設備の有無</t>
    <rPh sb="0" eb="1">
      <t>ダイ</t>
    </rPh>
    <rPh sb="3" eb="4">
      <t>ジョウ</t>
    </rPh>
    <rPh sb="4" eb="5">
      <t>ダイ</t>
    </rPh>
    <rPh sb="6" eb="7">
      <t>コウ</t>
    </rPh>
    <rPh sb="8" eb="10">
      <t>キテイ</t>
    </rPh>
    <rPh sb="13" eb="15">
      <t>ケンサ</t>
    </rPh>
    <rPh sb="16" eb="17">
      <t>ヨウ</t>
    </rPh>
    <rPh sb="19" eb="21">
      <t>ボウカ</t>
    </rPh>
    <rPh sb="21" eb="23">
      <t>セツビ</t>
    </rPh>
    <rPh sb="24" eb="26">
      <t>ウム</t>
    </rPh>
    <phoneticPr fontId="2"/>
  </si>
  <si>
    <t>□有（　　階）　□無</t>
    <rPh sb="0" eb="1">
      <t>アリ</t>
    </rPh>
    <rPh sb="4" eb="5">
      <t>カイ</t>
    </rPh>
    <rPh sb="8" eb="9">
      <t>ナシ</t>
    </rPh>
    <phoneticPr fontId="2"/>
  </si>
  <si>
    <t>⑭</t>
    <phoneticPr fontId="2"/>
  </si>
  <si>
    <t>「その他確認事項」は、法第12条第３項の規定による検査を要する随時閉鎖又は作動ができる防火設備の設置の有無を確認し、該当するチェックボックスに「レ」マークを入れてください。「有」の場合は、当該防火設備が設置されている階を記入してください。</t>
    <phoneticPr fontId="2"/>
  </si>
  <si>
    <t>(46)</t>
    <phoneticPr fontId="2"/>
  </si>
  <si>
    <t>(47)</t>
    <phoneticPr fontId="2"/>
  </si>
  <si>
    <t>警報設備</t>
    <phoneticPr fontId="2"/>
  </si>
  <si>
    <t>警報設備の設置の状況</t>
    <phoneticPr fontId="2"/>
  </si>
  <si>
    <t>警報設備の劣化及び損傷の状況</t>
    <phoneticPr fontId="2"/>
  </si>
  <si>
    <t>　「調査結果」欄は、別表第１（い）欄に掲げる各調査項目ごとに記入してください。</t>
    <rPh sb="2" eb="4">
      <t>チョウサ</t>
    </rPh>
    <rPh sb="12" eb="13">
      <t>ンタ</t>
    </rPh>
    <rPh sb="23" eb="25">
      <t>チョウサ</t>
    </rPh>
    <phoneticPr fontId="2"/>
  </si>
  <si>
    <t>　「調査結果」欄のうち「要是正」欄は、別表第１（い）欄に掲げる調査項目について（は）欄に掲げる判定基準に該当する場合に○印を記入してください。</t>
    <rPh sb="2" eb="4">
      <t>チョウサ</t>
    </rPh>
    <rPh sb="21" eb="22">
      <t>ンタ</t>
    </rPh>
    <rPh sb="31" eb="33">
      <t>チョウサ</t>
    </rPh>
    <phoneticPr fontId="2"/>
  </si>
  <si>
    <t>　７「上記以外の調査項目」欄は、第２の規定により特定行政庁が調査項目を追加したときに、特定行政庁が追加した調査項目を追加し、⑤から⑧に準じて調査結果等を記入してください。なお、これらの項目がない場合は、７は削除して構いません。</t>
    <rPh sb="8" eb="10">
      <t>チョウサ</t>
    </rPh>
    <rPh sb="13" eb="14">
      <t>ラン</t>
    </rPh>
    <rPh sb="19" eb="21">
      <t>キテイ</t>
    </rPh>
    <rPh sb="24" eb="26">
      <t>トクテイ</t>
    </rPh>
    <rPh sb="26" eb="29">
      <t>ギョウセイチョウ</t>
    </rPh>
    <rPh sb="30" eb="32">
      <t>チョウサ</t>
    </rPh>
    <rPh sb="32" eb="34">
      <t>コウモク</t>
    </rPh>
    <rPh sb="35" eb="37">
      <t>ツイカ</t>
    </rPh>
    <rPh sb="43" eb="45">
      <t>トクテイ</t>
    </rPh>
    <rPh sb="45" eb="48">
      <t>ギョウセイチョウ</t>
    </rPh>
    <rPh sb="49" eb="51">
      <t>ツイカ</t>
    </rPh>
    <rPh sb="53" eb="55">
      <t>チョウサ</t>
    </rPh>
    <rPh sb="55" eb="57">
      <t>コウモク</t>
    </rPh>
    <rPh sb="70" eb="72">
      <t>チョウサ</t>
    </rPh>
    <rPh sb="92" eb="94">
      <t>コウモク</t>
    </rPh>
    <rPh sb="97" eb="99">
      <t>バアイ</t>
    </rPh>
    <rPh sb="103" eb="105">
      <t>サクジョ</t>
    </rPh>
    <rPh sb="107" eb="108">
      <t>カマ</t>
    </rPh>
    <phoneticPr fontId="2"/>
  </si>
  <si>
    <r>
      <t>別記第一号</t>
    </r>
    <r>
      <rPr>
        <sz val="8"/>
        <rFont val="ＭＳ 明朝"/>
        <family val="1"/>
        <charset val="128"/>
      </rPr>
      <t>（A４)　</t>
    </r>
    <rPh sb="0" eb="2">
      <t>ベッキ</t>
    </rPh>
    <rPh sb="2" eb="3">
      <t>ンタ</t>
    </rPh>
    <rPh sb="4" eb="5">
      <t>ゴ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x14ac:knownFonts="1">
    <font>
      <sz val="11"/>
      <name val="ＭＳ Ｐゴシック"/>
      <family val="3"/>
      <charset val="128"/>
    </font>
    <font>
      <sz val="8"/>
      <name val="ＭＳ 明朝"/>
      <family val="1"/>
      <charset val="128"/>
    </font>
    <font>
      <sz val="6"/>
      <name val="ＭＳ Ｐゴシック"/>
      <family val="3"/>
      <charset val="128"/>
    </font>
    <font>
      <b/>
      <sz val="8"/>
      <name val="ＭＳ 明朝"/>
      <family val="1"/>
      <charset val="128"/>
    </font>
    <font>
      <sz val="10"/>
      <name val="ＭＳ 明朝"/>
      <family val="1"/>
      <charset val="128"/>
    </font>
    <font>
      <b/>
      <sz val="8"/>
      <name val="ＭＳ ゴシック"/>
      <family val="3"/>
      <charset val="128"/>
    </font>
    <font>
      <sz val="8"/>
      <name val="ＭＳ ゴシック"/>
      <family val="3"/>
      <charset val="128"/>
    </font>
    <font>
      <sz val="8"/>
      <name val="ＭＳ Ｐゴシック"/>
      <family val="3"/>
      <charset val="128"/>
    </font>
    <font>
      <b/>
      <sz val="11"/>
      <name val="ＭＳ ゴシック"/>
      <family val="3"/>
      <charset val="128"/>
    </font>
    <font>
      <sz val="11"/>
      <name val="ＭＳ Ｐゴシック"/>
      <family val="3"/>
      <charset val="128"/>
    </font>
    <font>
      <sz val="11"/>
      <name val="ＭＳ ゴシック"/>
      <family val="3"/>
      <charset val="128"/>
    </font>
    <font>
      <sz val="11"/>
      <name val="ＭＳ Ｐゴシック"/>
      <family val="3"/>
      <charset val="128"/>
    </font>
    <font>
      <sz val="10"/>
      <name val="ＭＳ ゴシック"/>
      <family val="3"/>
      <charset val="128"/>
    </font>
  </fonts>
  <fills count="2">
    <fill>
      <patternFill patternType="none"/>
    </fill>
    <fill>
      <patternFill patternType="gray125"/>
    </fill>
  </fills>
  <borders count="54">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top style="medium">
        <color indexed="64"/>
      </top>
      <bottom style="thin">
        <color indexed="64"/>
      </bottom>
      <diagonal/>
    </border>
    <border>
      <left/>
      <right/>
      <top style="thin">
        <color indexed="64"/>
      </top>
      <bottom style="medium">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top style="thin">
        <color indexed="64"/>
      </top>
      <bottom style="medium">
        <color indexed="64"/>
      </bottom>
      <diagonal/>
    </border>
    <border>
      <left/>
      <right style="thin">
        <color indexed="64"/>
      </right>
      <top style="thin">
        <color indexed="64"/>
      </top>
      <bottom style="thin">
        <color indexed="64"/>
      </bottom>
      <diagonal/>
    </border>
    <border>
      <left/>
      <right style="medium">
        <color indexed="64"/>
      </right>
      <top style="medium">
        <color indexed="64"/>
      </top>
      <bottom style="thin">
        <color indexed="64"/>
      </bottom>
      <diagonal/>
    </border>
    <border>
      <left/>
      <right/>
      <top/>
      <bottom style="medium">
        <color indexed="64"/>
      </bottom>
      <diagonal/>
    </border>
    <border>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bottom style="medium">
        <color indexed="64"/>
      </bottom>
      <diagonal/>
    </border>
    <border diagonalDown="1">
      <left style="thin">
        <color indexed="64"/>
      </left>
      <right style="thin">
        <color indexed="64"/>
      </right>
      <top style="medium">
        <color indexed="64"/>
      </top>
      <bottom style="thin">
        <color indexed="64"/>
      </bottom>
      <diagonal style="thin">
        <color indexed="64"/>
      </diagonal>
    </border>
    <border>
      <left style="thin">
        <color indexed="64"/>
      </left>
      <right/>
      <top/>
      <bottom/>
      <diagonal/>
    </border>
    <border>
      <left/>
      <right style="thin">
        <color indexed="64"/>
      </right>
      <top/>
      <bottom/>
      <diagonal/>
    </border>
    <border>
      <left/>
      <right style="medium">
        <color indexed="64"/>
      </right>
      <top/>
      <bottom/>
      <diagonal/>
    </border>
    <border>
      <left style="medium">
        <color indexed="64"/>
      </left>
      <right/>
      <top style="medium">
        <color indexed="64"/>
      </top>
      <bottom/>
      <diagonal/>
    </border>
    <border>
      <left/>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medium">
        <color indexed="64"/>
      </left>
      <right/>
      <top style="medium">
        <color indexed="64"/>
      </top>
      <bottom style="thin">
        <color indexed="64"/>
      </bottom>
      <diagonal/>
    </border>
    <border>
      <left/>
      <right style="thin">
        <color indexed="64"/>
      </right>
      <top style="medium">
        <color indexed="64"/>
      </top>
      <bottom/>
      <diagonal/>
    </border>
    <border>
      <left style="medium">
        <color indexed="64"/>
      </left>
      <right/>
      <top/>
      <bottom/>
      <diagonal/>
    </border>
    <border>
      <left/>
      <right style="thin">
        <color indexed="64"/>
      </right>
      <top/>
      <bottom style="medium">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top style="medium">
        <color indexed="64"/>
      </top>
      <bottom/>
      <diagonal/>
    </border>
    <border>
      <left style="thin">
        <color indexed="64"/>
      </left>
      <right/>
      <top/>
      <bottom style="medium">
        <color indexed="64"/>
      </bottom>
      <diagonal/>
    </border>
    <border>
      <left style="thin">
        <color indexed="64"/>
      </left>
      <right style="medium">
        <color indexed="64"/>
      </right>
      <top style="medium">
        <color indexed="64"/>
      </top>
      <bottom/>
      <diagonal/>
    </border>
    <border>
      <left style="thin">
        <color indexed="64"/>
      </left>
      <right style="medium">
        <color indexed="64"/>
      </right>
      <top/>
      <bottom/>
      <diagonal/>
    </border>
    <border>
      <left style="thin">
        <color indexed="64"/>
      </left>
      <right style="medium">
        <color indexed="64"/>
      </right>
      <top/>
      <bottom style="medium">
        <color indexed="64"/>
      </bottom>
      <diagonal/>
    </border>
    <border>
      <left style="thin">
        <color indexed="64"/>
      </left>
      <right style="thin">
        <color indexed="64"/>
      </right>
      <top style="medium">
        <color indexed="64"/>
      </top>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s>
  <cellStyleXfs count="1">
    <xf numFmtId="0" fontId="0" fillId="0" borderId="0">
      <alignment vertical="center"/>
    </xf>
  </cellStyleXfs>
  <cellXfs count="187">
    <xf numFmtId="0" fontId="0" fillId="0" borderId="0" xfId="0">
      <alignment vertical="center"/>
    </xf>
    <xf numFmtId="0" fontId="1" fillId="0" borderId="0" xfId="0" applyFont="1" applyAlignment="1">
      <alignment horizontal="center" vertical="center" wrapText="1"/>
    </xf>
    <xf numFmtId="0" fontId="1" fillId="0" borderId="1" xfId="0" applyFont="1" applyBorder="1" applyAlignment="1">
      <alignment horizontal="center" vertical="center" wrapText="1"/>
    </xf>
    <xf numFmtId="0" fontId="1" fillId="0" borderId="2" xfId="0" applyFont="1" applyBorder="1">
      <alignment vertical="center"/>
    </xf>
    <xf numFmtId="0" fontId="1" fillId="0" borderId="0" xfId="0" applyFont="1">
      <alignment vertical="center"/>
    </xf>
    <xf numFmtId="0" fontId="1" fillId="0" borderId="3" xfId="0" applyFont="1" applyBorder="1">
      <alignment vertical="center"/>
    </xf>
    <xf numFmtId="0" fontId="1" fillId="0" borderId="4" xfId="0" applyFont="1" applyBorder="1">
      <alignment vertical="center"/>
    </xf>
    <xf numFmtId="0" fontId="1" fillId="0" borderId="5" xfId="0" applyFont="1" applyBorder="1">
      <alignment vertical="center"/>
    </xf>
    <xf numFmtId="0" fontId="1" fillId="0" borderId="6" xfId="0" applyFont="1" applyBorder="1">
      <alignment vertical="center"/>
    </xf>
    <xf numFmtId="0" fontId="1" fillId="0" borderId="5" xfId="0" applyFont="1" applyBorder="1" applyAlignment="1">
      <alignment horizontal="center" vertical="center" wrapText="1"/>
    </xf>
    <xf numFmtId="0" fontId="3" fillId="0" borderId="7" xfId="0" applyFont="1" applyBorder="1" applyAlignment="1"/>
    <xf numFmtId="0" fontId="3" fillId="0" borderId="5" xfId="0" applyFont="1" applyBorder="1" applyAlignment="1"/>
    <xf numFmtId="0" fontId="3" fillId="0" borderId="8" xfId="0" applyFont="1" applyBorder="1" applyAlignment="1"/>
    <xf numFmtId="0" fontId="3" fillId="0" borderId="6" xfId="0" applyFont="1" applyBorder="1" applyAlignment="1"/>
    <xf numFmtId="0" fontId="1" fillId="0" borderId="9" xfId="0" quotePrefix="1" applyFont="1" applyBorder="1" applyAlignment="1">
      <alignment horizontal="center" vertical="top" wrapText="1"/>
    </xf>
    <xf numFmtId="0" fontId="1" fillId="0" borderId="10" xfId="0" applyFont="1" applyBorder="1" applyAlignment="1">
      <alignment horizontal="left" vertical="top" wrapText="1"/>
    </xf>
    <xf numFmtId="0" fontId="1" fillId="0" borderId="4" xfId="0" applyFont="1" applyBorder="1" applyAlignment="1">
      <alignment horizontal="left" vertical="top" wrapText="1"/>
    </xf>
    <xf numFmtId="0" fontId="1" fillId="0" borderId="2" xfId="0" applyFont="1" applyBorder="1" applyAlignment="1">
      <alignment horizontal="center" vertical="center" wrapText="1"/>
    </xf>
    <xf numFmtId="0" fontId="1" fillId="0" borderId="11" xfId="0" applyFont="1" applyBorder="1" applyAlignment="1">
      <alignment horizontal="center" vertical="center" wrapText="1"/>
    </xf>
    <xf numFmtId="0" fontId="1" fillId="0" borderId="1" xfId="0" applyFont="1" applyBorder="1" applyAlignment="1">
      <alignment horizontal="left" vertical="top" wrapText="1"/>
    </xf>
    <xf numFmtId="0" fontId="1" fillId="0" borderId="2" xfId="0" applyFont="1" applyBorder="1" applyAlignment="1">
      <alignment horizontal="left" vertical="top" wrapText="1"/>
    </xf>
    <xf numFmtId="0" fontId="1" fillId="0" borderId="11" xfId="0" applyFont="1" applyBorder="1">
      <alignment vertical="center"/>
    </xf>
    <xf numFmtId="0" fontId="1" fillId="0" borderId="7" xfId="0" applyFont="1" applyBorder="1">
      <alignment vertical="center"/>
    </xf>
    <xf numFmtId="0" fontId="1" fillId="0" borderId="8" xfId="0" applyFont="1" applyBorder="1">
      <alignment vertical="center"/>
    </xf>
    <xf numFmtId="0" fontId="1" fillId="0" borderId="12" xfId="0" applyFont="1" applyBorder="1">
      <alignment vertical="center"/>
    </xf>
    <xf numFmtId="0" fontId="1" fillId="0" borderId="13" xfId="0" applyFont="1" applyBorder="1">
      <alignment vertical="center"/>
    </xf>
    <xf numFmtId="0" fontId="1" fillId="0" borderId="9" xfId="0" quotePrefix="1" applyFont="1" applyBorder="1" applyAlignment="1">
      <alignment horizontal="center" vertical="top"/>
    </xf>
    <xf numFmtId="0" fontId="1" fillId="0" borderId="1" xfId="0" applyFont="1" applyBorder="1" applyAlignment="1">
      <alignment horizontal="center" vertical="center" textRotation="255"/>
    </xf>
    <xf numFmtId="0" fontId="1" fillId="0" borderId="10" xfId="0" applyFont="1" applyBorder="1" applyAlignment="1">
      <alignment horizontal="center" vertical="center" textRotation="255"/>
    </xf>
    <xf numFmtId="0" fontId="1" fillId="0" borderId="14" xfId="0" applyFont="1" applyBorder="1">
      <alignment vertical="center"/>
    </xf>
    <xf numFmtId="0" fontId="1" fillId="0" borderId="4" xfId="0" applyFont="1" applyBorder="1" applyAlignment="1">
      <alignment horizontal="center" vertical="center" wrapText="1"/>
    </xf>
    <xf numFmtId="0" fontId="1" fillId="0" borderId="9" xfId="0" applyFont="1" applyBorder="1" applyAlignment="1">
      <alignment horizontal="center" vertical="center"/>
    </xf>
    <xf numFmtId="0" fontId="1" fillId="0" borderId="1" xfId="0" applyFont="1" applyBorder="1" applyAlignment="1">
      <alignment horizontal="center" vertical="center"/>
    </xf>
    <xf numFmtId="0" fontId="1" fillId="0" borderId="15" xfId="0" applyFont="1" applyBorder="1" applyAlignment="1">
      <alignment horizontal="center" vertical="center"/>
    </xf>
    <xf numFmtId="0" fontId="1" fillId="0" borderId="10" xfId="0" applyFont="1" applyBorder="1" applyAlignment="1">
      <alignment horizontal="center" vertical="center"/>
    </xf>
    <xf numFmtId="0" fontId="1" fillId="0" borderId="11" xfId="0" applyFont="1" applyBorder="1" applyAlignment="1">
      <alignment horizontal="left" vertical="top" wrapText="1"/>
    </xf>
    <xf numFmtId="0" fontId="1" fillId="0" borderId="14" xfId="0" applyFont="1" applyBorder="1" applyAlignment="1">
      <alignment horizontal="left" vertical="top" wrapText="1"/>
    </xf>
    <xf numFmtId="0" fontId="4" fillId="0" borderId="0" xfId="0" applyFont="1">
      <alignment vertical="center"/>
    </xf>
    <xf numFmtId="0" fontId="1" fillId="0" borderId="0" xfId="0" applyFont="1" applyAlignment="1">
      <alignment horizontal="right" vertical="top"/>
    </xf>
    <xf numFmtId="0" fontId="5" fillId="0" borderId="16" xfId="0" applyFont="1" applyBorder="1" applyAlignment="1">
      <alignment horizontal="center"/>
    </xf>
    <xf numFmtId="49" fontId="1" fillId="0" borderId="9" xfId="0" quotePrefix="1" applyNumberFormat="1" applyFont="1" applyBorder="1" applyAlignment="1">
      <alignment horizontal="center" vertical="top"/>
    </xf>
    <xf numFmtId="0" fontId="1" fillId="0" borderId="15" xfId="0" quotePrefix="1" applyFont="1" applyBorder="1" applyAlignment="1">
      <alignment horizontal="center" vertical="top"/>
    </xf>
    <xf numFmtId="0" fontId="1" fillId="0" borderId="15" xfId="0" quotePrefix="1" applyFont="1" applyBorder="1" applyAlignment="1">
      <alignment horizontal="center" vertical="top" wrapText="1"/>
    </xf>
    <xf numFmtId="0" fontId="1" fillId="0" borderId="7" xfId="0" applyFont="1" applyBorder="1" applyAlignment="1">
      <alignment horizontal="left" vertical="top" wrapText="1"/>
    </xf>
    <xf numFmtId="49" fontId="1" fillId="0" borderId="9" xfId="0" quotePrefix="1" applyNumberFormat="1" applyFont="1" applyBorder="1" applyAlignment="1">
      <alignment horizontal="center" vertical="top" wrapText="1"/>
    </xf>
    <xf numFmtId="0" fontId="1" fillId="0" borderId="2" xfId="0" applyFont="1" applyBorder="1" applyAlignment="1">
      <alignment horizontal="justify" vertical="top" wrapText="1"/>
    </xf>
    <xf numFmtId="0" fontId="5" fillId="0" borderId="16" xfId="0" quotePrefix="1" applyFont="1" applyBorder="1" applyAlignment="1">
      <alignment horizontal="center" vertical="top"/>
    </xf>
    <xf numFmtId="0" fontId="1" fillId="0" borderId="4" xfId="0" applyFont="1" applyBorder="1" applyAlignment="1">
      <alignment horizontal="justify" vertical="top" wrapText="1"/>
    </xf>
    <xf numFmtId="0" fontId="9" fillId="0" borderId="17" xfId="0" applyFont="1" applyBorder="1" applyAlignment="1">
      <alignment horizontal="center" vertical="center" wrapText="1"/>
    </xf>
    <xf numFmtId="0" fontId="1" fillId="0" borderId="18" xfId="0" applyFont="1" applyBorder="1">
      <alignment vertical="center"/>
    </xf>
    <xf numFmtId="0" fontId="6" fillId="0" borderId="19" xfId="0" applyFont="1" applyBorder="1" applyAlignment="1">
      <alignment horizontal="center" vertical="center" wrapText="1"/>
    </xf>
    <xf numFmtId="0" fontId="6" fillId="0" borderId="20" xfId="0" applyFont="1" applyBorder="1" applyAlignment="1">
      <alignment horizontal="center" vertical="center" wrapText="1"/>
    </xf>
    <xf numFmtId="0" fontId="6" fillId="0" borderId="17" xfId="0" applyFont="1" applyBorder="1" applyAlignment="1">
      <alignment horizontal="center" vertical="center" wrapText="1"/>
    </xf>
    <xf numFmtId="0" fontId="6" fillId="0" borderId="8" xfId="0" applyFont="1" applyBorder="1" applyAlignment="1">
      <alignment horizontal="center" vertical="center" wrapText="1"/>
    </xf>
    <xf numFmtId="49" fontId="1" fillId="0" borderId="15" xfId="0" quotePrefix="1" applyNumberFormat="1" applyFont="1" applyBorder="1" applyAlignment="1">
      <alignment horizontal="center" vertical="top"/>
    </xf>
    <xf numFmtId="0" fontId="1" fillId="0" borderId="0" xfId="0" applyFont="1" applyAlignment="1">
      <alignment horizontal="center" vertical="top" wrapText="1"/>
    </xf>
    <xf numFmtId="0" fontId="6" fillId="0" borderId="0" xfId="0" applyFont="1">
      <alignment vertical="center"/>
    </xf>
    <xf numFmtId="0" fontId="1" fillId="0" borderId="0" xfId="0" applyFont="1" applyAlignment="1">
      <alignment horizontal="justify" vertical="top" wrapText="1"/>
    </xf>
    <xf numFmtId="0" fontId="3" fillId="0" borderId="0" xfId="0" applyFont="1" applyAlignment="1"/>
    <xf numFmtId="0" fontId="3" fillId="0" borderId="21" xfId="0" applyFont="1" applyBorder="1" applyAlignment="1"/>
    <xf numFmtId="0" fontId="6" fillId="0" borderId="39" xfId="0" applyFont="1" applyBorder="1">
      <alignment vertical="center"/>
    </xf>
    <xf numFmtId="0" fontId="6" fillId="0" borderId="3" xfId="0" applyFont="1" applyBorder="1">
      <alignment vertical="center"/>
    </xf>
    <xf numFmtId="0" fontId="5" fillId="0" borderId="29" xfId="0" applyFont="1" applyBorder="1" applyAlignment="1">
      <alignment horizontal="left" vertical="center" wrapText="1"/>
    </xf>
    <xf numFmtId="0" fontId="8" fillId="0" borderId="3" xfId="0" applyFont="1" applyBorder="1" applyAlignment="1">
      <alignment horizontal="left" vertical="center" wrapText="1"/>
    </xf>
    <xf numFmtId="0" fontId="8" fillId="0" borderId="12" xfId="0" applyFont="1" applyBorder="1" applyAlignment="1">
      <alignment horizontal="left" vertical="center" wrapText="1"/>
    </xf>
    <xf numFmtId="0" fontId="1" fillId="0" borderId="7" xfId="0" applyFont="1" applyBorder="1" applyAlignment="1">
      <alignment horizontal="center" vertical="top" textRotation="255" wrapText="1"/>
    </xf>
    <xf numFmtId="0" fontId="1" fillId="0" borderId="7" xfId="0" applyFont="1" applyBorder="1" applyAlignment="1">
      <alignment horizontal="center" vertical="top" textRotation="255"/>
    </xf>
    <xf numFmtId="0" fontId="1" fillId="0" borderId="1" xfId="0" applyFont="1" applyBorder="1" applyAlignment="1">
      <alignment vertical="top" wrapText="1"/>
    </xf>
    <xf numFmtId="0" fontId="1" fillId="0" borderId="2" xfId="0" applyFont="1" applyBorder="1">
      <alignment vertical="center"/>
    </xf>
    <xf numFmtId="0" fontId="5" fillId="0" borderId="29" xfId="0" applyFont="1" applyBorder="1" applyAlignment="1">
      <alignment vertical="top" wrapText="1"/>
    </xf>
    <xf numFmtId="0" fontId="7" fillId="0" borderId="3" xfId="0" applyFont="1" applyBorder="1" applyAlignment="1">
      <alignment vertical="top" wrapText="1"/>
    </xf>
    <xf numFmtId="0" fontId="7" fillId="0" borderId="12" xfId="0" applyFont="1" applyBorder="1" applyAlignment="1">
      <alignment vertical="top" wrapText="1"/>
    </xf>
    <xf numFmtId="0" fontId="1" fillId="0" borderId="2" xfId="0" applyFont="1" applyBorder="1" applyAlignment="1">
      <alignment vertical="top" wrapText="1"/>
    </xf>
    <xf numFmtId="0" fontId="1" fillId="0" borderId="11" xfId="0" applyFont="1" applyBorder="1" applyAlignment="1">
      <alignment vertical="top" wrapText="1"/>
    </xf>
    <xf numFmtId="0" fontId="1" fillId="0" borderId="22" xfId="0" quotePrefix="1" applyFont="1" applyBorder="1" applyAlignment="1">
      <alignment vertical="top"/>
    </xf>
    <xf numFmtId="0" fontId="1" fillId="0" borderId="23" xfId="0" quotePrefix="1" applyFont="1" applyBorder="1" applyAlignment="1">
      <alignment vertical="top"/>
    </xf>
    <xf numFmtId="0" fontId="1" fillId="0" borderId="24" xfId="0" quotePrefix="1" applyFont="1" applyBorder="1" applyAlignment="1">
      <alignment horizontal="left" vertical="top"/>
    </xf>
    <xf numFmtId="0" fontId="1" fillId="0" borderId="25" xfId="0" quotePrefix="1" applyFont="1" applyBorder="1" applyAlignment="1">
      <alignment horizontal="left" vertical="top"/>
    </xf>
    <xf numFmtId="0" fontId="1" fillId="0" borderId="26" xfId="0" quotePrefix="1" applyFont="1" applyBorder="1" applyAlignment="1">
      <alignment horizontal="left" vertical="top"/>
    </xf>
    <xf numFmtId="0" fontId="1" fillId="0" borderId="27" xfId="0" quotePrefix="1" applyFont="1" applyBorder="1" applyAlignment="1">
      <alignment horizontal="left" vertical="top"/>
    </xf>
    <xf numFmtId="0" fontId="1" fillId="0" borderId="13" xfId="0" quotePrefix="1" applyFont="1" applyBorder="1" applyAlignment="1">
      <alignment horizontal="left" vertical="top"/>
    </xf>
    <xf numFmtId="0" fontId="1" fillId="0" borderId="28" xfId="0" quotePrefix="1" applyFont="1" applyBorder="1" applyAlignment="1">
      <alignment horizontal="left" vertical="top"/>
    </xf>
    <xf numFmtId="0" fontId="1" fillId="0" borderId="0" xfId="0" applyFont="1" applyAlignment="1">
      <alignment vertical="top" wrapText="1"/>
    </xf>
    <xf numFmtId="0" fontId="1" fillId="0" borderId="1" xfId="0" applyFont="1" applyBorder="1" applyAlignment="1">
      <alignment horizontal="justify" vertical="top" wrapText="1"/>
    </xf>
    <xf numFmtId="0" fontId="1" fillId="0" borderId="11" xfId="0" applyFont="1" applyBorder="1" applyAlignment="1">
      <alignment horizontal="justify" vertical="top" wrapText="1"/>
    </xf>
    <xf numFmtId="0" fontId="9" fillId="0" borderId="0" xfId="0" applyFont="1" applyAlignment="1">
      <alignment vertical="top" wrapText="1"/>
    </xf>
    <xf numFmtId="0" fontId="1" fillId="0" borderId="2" xfId="0" applyFont="1" applyBorder="1" applyAlignment="1">
      <alignment vertical="top"/>
    </xf>
    <xf numFmtId="0" fontId="1" fillId="0" borderId="1" xfId="0" applyFont="1" applyBorder="1" applyAlignment="1">
      <alignment vertical="top"/>
    </xf>
    <xf numFmtId="0" fontId="1" fillId="0" borderId="11" xfId="0" applyFont="1" applyBorder="1">
      <alignment vertical="center"/>
    </xf>
    <xf numFmtId="0" fontId="1" fillId="0" borderId="1" xfId="0" applyFont="1" applyBorder="1">
      <alignment vertical="center"/>
    </xf>
    <xf numFmtId="0" fontId="6" fillId="0" borderId="29" xfId="0" applyFont="1" applyBorder="1" applyAlignment="1">
      <alignment horizontal="center" vertical="center" wrapText="1"/>
    </xf>
    <xf numFmtId="0" fontId="10" fillId="0" borderId="12" xfId="0" applyFont="1" applyBorder="1" applyAlignment="1">
      <alignment horizontal="center" vertical="center" wrapText="1"/>
    </xf>
    <xf numFmtId="0" fontId="6" fillId="0" borderId="29" xfId="0" applyFont="1" applyBorder="1" applyAlignment="1">
      <alignment horizontal="left" vertical="center" wrapText="1"/>
    </xf>
    <xf numFmtId="0" fontId="10" fillId="0" borderId="3" xfId="0" applyFont="1" applyBorder="1" applyAlignment="1">
      <alignment horizontal="left" vertical="center" wrapText="1"/>
    </xf>
    <xf numFmtId="0" fontId="10" fillId="0" borderId="30" xfId="0" applyFont="1" applyBorder="1" applyAlignment="1">
      <alignment horizontal="left" vertical="center" wrapText="1"/>
    </xf>
    <xf numFmtId="0" fontId="1" fillId="0" borderId="31" xfId="0" applyFont="1" applyBorder="1" applyAlignment="1">
      <alignment horizontal="left" vertical="top" wrapText="1"/>
    </xf>
    <xf numFmtId="0" fontId="9" fillId="0" borderId="25" xfId="0" applyFont="1" applyBorder="1" applyAlignment="1">
      <alignment horizontal="left" vertical="top" wrapText="1"/>
    </xf>
    <xf numFmtId="0" fontId="9" fillId="0" borderId="32" xfId="0" applyFont="1" applyBorder="1" applyAlignment="1">
      <alignment horizontal="left" vertical="top" wrapText="1"/>
    </xf>
    <xf numFmtId="0" fontId="1" fillId="0" borderId="33" xfId="0" applyFont="1" applyBorder="1" applyAlignment="1">
      <alignment horizontal="left" vertical="top" wrapText="1"/>
    </xf>
    <xf numFmtId="0" fontId="9" fillId="0" borderId="34" xfId="0" applyFont="1" applyBorder="1" applyAlignment="1">
      <alignment horizontal="left" vertical="top" wrapText="1"/>
    </xf>
    <xf numFmtId="0" fontId="9" fillId="0" borderId="35" xfId="0" applyFont="1" applyBorder="1" applyAlignment="1">
      <alignment horizontal="left" vertical="top" wrapText="1"/>
    </xf>
    <xf numFmtId="0" fontId="9" fillId="0" borderId="19" xfId="0" applyFont="1" applyBorder="1" applyAlignment="1">
      <alignment horizontal="left" vertical="top" wrapText="1"/>
    </xf>
    <xf numFmtId="0" fontId="9" fillId="0" borderId="0" xfId="0" applyFont="1" applyAlignment="1">
      <alignment horizontal="left" vertical="top" wrapText="1"/>
    </xf>
    <xf numFmtId="0" fontId="9" fillId="0" borderId="20" xfId="0" applyFont="1" applyBorder="1" applyAlignment="1">
      <alignment horizontal="left" vertical="top" wrapText="1"/>
    </xf>
    <xf numFmtId="0" fontId="9" fillId="0" borderId="33" xfId="0" applyFont="1" applyBorder="1" applyAlignment="1">
      <alignment horizontal="left" vertical="top" wrapText="1"/>
    </xf>
    <xf numFmtId="0" fontId="9" fillId="0" borderId="11" xfId="0" applyFont="1" applyBorder="1">
      <alignment vertical="center"/>
    </xf>
    <xf numFmtId="0" fontId="1" fillId="0" borderId="36" xfId="0" applyFont="1" applyBorder="1" applyAlignment="1">
      <alignment horizontal="center" vertical="top" textRotation="255" wrapText="1"/>
    </xf>
    <xf numFmtId="0" fontId="1" fillId="0" borderId="37" xfId="0" applyFont="1" applyBorder="1" applyAlignment="1">
      <alignment horizontal="center" vertical="top" textRotation="255" wrapText="1"/>
    </xf>
    <xf numFmtId="0" fontId="1" fillId="0" borderId="38" xfId="0" applyFont="1" applyBorder="1" applyAlignment="1">
      <alignment horizontal="center" vertical="top" textRotation="255" wrapText="1"/>
    </xf>
    <xf numFmtId="0" fontId="1" fillId="0" borderId="1" xfId="0" applyFont="1" applyBorder="1" applyAlignment="1">
      <alignment horizontal="left" vertical="top" wrapText="1"/>
    </xf>
    <xf numFmtId="0" fontId="1" fillId="0" borderId="10" xfId="0" applyFont="1" applyBorder="1" applyAlignment="1">
      <alignment vertical="top" wrapText="1"/>
    </xf>
    <xf numFmtId="0" fontId="1" fillId="0" borderId="4" xfId="0" applyFont="1" applyBorder="1">
      <alignment vertical="center"/>
    </xf>
    <xf numFmtId="0" fontId="1" fillId="0" borderId="1" xfId="0" applyFont="1" applyBorder="1" applyAlignment="1">
      <alignment horizontal="center" vertical="center" wrapText="1"/>
    </xf>
    <xf numFmtId="0" fontId="9" fillId="0" borderId="11" xfId="0" applyFont="1" applyBorder="1" applyAlignment="1">
      <alignment horizontal="center" vertical="center" wrapText="1"/>
    </xf>
    <xf numFmtId="0" fontId="9" fillId="0" borderId="2" xfId="0" applyFont="1" applyBorder="1" applyAlignment="1">
      <alignment horizontal="center" vertical="center" wrapText="1"/>
    </xf>
    <xf numFmtId="0" fontId="1" fillId="0" borderId="8" xfId="0" applyFont="1" applyBorder="1" applyAlignment="1">
      <alignment horizontal="center" vertical="top" textRotation="255"/>
    </xf>
    <xf numFmtId="0" fontId="1" fillId="0" borderId="4" xfId="0" applyFont="1" applyBorder="1" applyAlignment="1">
      <alignment vertical="top" wrapText="1"/>
    </xf>
    <xf numFmtId="0" fontId="1" fillId="0" borderId="14" xfId="0" applyFont="1" applyBorder="1" applyAlignment="1">
      <alignment vertical="top" wrapText="1"/>
    </xf>
    <xf numFmtId="0" fontId="9" fillId="0" borderId="37" xfId="0" applyFont="1" applyBorder="1" applyAlignment="1">
      <alignment vertical="top"/>
    </xf>
    <xf numFmtId="0" fontId="9" fillId="0" borderId="38" xfId="0" applyFont="1" applyBorder="1" applyAlignment="1">
      <alignment vertical="top"/>
    </xf>
    <xf numFmtId="0" fontId="1" fillId="0" borderId="31" xfId="0" applyFont="1" applyBorder="1" applyAlignment="1">
      <alignment vertical="top" wrapText="1"/>
    </xf>
    <xf numFmtId="0" fontId="1" fillId="0" borderId="25" xfId="0" applyFont="1" applyBorder="1" applyAlignment="1">
      <alignment vertical="top" wrapText="1"/>
    </xf>
    <xf numFmtId="0" fontId="1" fillId="0" borderId="32" xfId="0" applyFont="1" applyBorder="1" applyAlignment="1">
      <alignment vertical="top" wrapText="1"/>
    </xf>
    <xf numFmtId="0" fontId="1" fillId="0" borderId="33" xfId="0" applyFont="1" applyBorder="1" applyAlignment="1">
      <alignment vertical="top" wrapText="1"/>
    </xf>
    <xf numFmtId="0" fontId="1" fillId="0" borderId="34" xfId="0" applyFont="1" applyBorder="1" applyAlignment="1">
      <alignment vertical="top" wrapText="1"/>
    </xf>
    <xf numFmtId="0" fontId="1" fillId="0" borderId="35" xfId="0" applyFont="1" applyBorder="1" applyAlignment="1">
      <alignment vertical="top" wrapText="1"/>
    </xf>
    <xf numFmtId="0" fontId="9" fillId="0" borderId="11" xfId="0" applyFont="1" applyBorder="1" applyAlignment="1">
      <alignment vertical="center" wrapText="1"/>
    </xf>
    <xf numFmtId="0" fontId="9" fillId="0" borderId="25" xfId="0" applyFont="1" applyBorder="1" applyAlignment="1">
      <alignment vertical="top" wrapText="1"/>
    </xf>
    <xf numFmtId="0" fontId="9" fillId="0" borderId="32" xfId="0" applyFont="1" applyBorder="1" applyAlignment="1">
      <alignment vertical="top" wrapText="1"/>
    </xf>
    <xf numFmtId="0" fontId="9" fillId="0" borderId="33" xfId="0" applyFont="1" applyBorder="1" applyAlignment="1">
      <alignment vertical="top" wrapText="1"/>
    </xf>
    <xf numFmtId="0" fontId="9" fillId="0" borderId="34" xfId="0" applyFont="1" applyBorder="1" applyAlignment="1">
      <alignment vertical="top" wrapText="1"/>
    </xf>
    <xf numFmtId="0" fontId="9" fillId="0" borderId="35" xfId="0" applyFont="1" applyBorder="1" applyAlignment="1">
      <alignment vertical="top" wrapText="1"/>
    </xf>
    <xf numFmtId="0" fontId="9" fillId="0" borderId="11" xfId="0" applyFont="1" applyBorder="1" applyAlignment="1">
      <alignment vertical="top" wrapText="1"/>
    </xf>
    <xf numFmtId="0" fontId="9" fillId="0" borderId="37" xfId="0" applyFont="1" applyBorder="1" applyAlignment="1">
      <alignment horizontal="center" vertical="top" textRotation="255" wrapText="1"/>
    </xf>
    <xf numFmtId="0" fontId="9" fillId="0" borderId="38" xfId="0" applyFont="1" applyBorder="1" applyAlignment="1">
      <alignment horizontal="center" vertical="top" textRotation="255" wrapText="1"/>
    </xf>
    <xf numFmtId="0" fontId="1" fillId="0" borderId="14" xfId="0" applyFont="1" applyBorder="1">
      <alignment vertical="center"/>
    </xf>
    <xf numFmtId="0" fontId="1" fillId="0" borderId="2" xfId="0" applyFont="1" applyBorder="1" applyAlignment="1">
      <alignment horizontal="justify" vertical="top" wrapText="1"/>
    </xf>
    <xf numFmtId="0" fontId="1" fillId="0" borderId="19" xfId="0" applyFont="1" applyBorder="1" applyAlignment="1">
      <alignment horizontal="left" vertical="top" wrapText="1"/>
    </xf>
    <xf numFmtId="0" fontId="9" fillId="0" borderId="32" xfId="0" applyFont="1" applyBorder="1" applyAlignment="1">
      <alignment vertical="center" wrapText="1"/>
    </xf>
    <xf numFmtId="0" fontId="9" fillId="0" borderId="33" xfId="0" applyFont="1" applyBorder="1" applyAlignment="1">
      <alignment vertical="center" wrapText="1"/>
    </xf>
    <xf numFmtId="0" fontId="9" fillId="0" borderId="35" xfId="0" applyFont="1" applyBorder="1" applyAlignment="1">
      <alignment vertical="center" wrapText="1"/>
    </xf>
    <xf numFmtId="0" fontId="1" fillId="0" borderId="10" xfId="0" applyFont="1" applyBorder="1" applyAlignment="1">
      <alignment horizontal="justify" vertical="top" wrapText="1"/>
    </xf>
    <xf numFmtId="0" fontId="1" fillId="0" borderId="36" xfId="0" applyFont="1" applyBorder="1" applyAlignment="1">
      <alignment horizontal="center" vertical="top" textRotation="255"/>
    </xf>
    <xf numFmtId="0" fontId="1" fillId="0" borderId="37" xfId="0" applyFont="1" applyBorder="1" applyAlignment="1">
      <alignment horizontal="center" vertical="top" textRotation="255"/>
    </xf>
    <xf numFmtId="0" fontId="1" fillId="0" borderId="17" xfId="0" applyFont="1" applyBorder="1" applyAlignment="1">
      <alignment horizontal="center" vertical="top" textRotation="255"/>
    </xf>
    <xf numFmtId="0" fontId="1" fillId="0" borderId="10" xfId="0" applyFont="1" applyBorder="1">
      <alignment vertical="center"/>
    </xf>
    <xf numFmtId="0" fontId="1" fillId="0" borderId="2" xfId="0" applyFont="1" applyBorder="1" applyAlignment="1">
      <alignment horizontal="left" vertical="top" wrapText="1"/>
    </xf>
    <xf numFmtId="0" fontId="9" fillId="0" borderId="2" xfId="0" applyFont="1" applyBorder="1" applyAlignment="1">
      <alignment vertical="center" wrapText="1"/>
    </xf>
    <xf numFmtId="0" fontId="12" fillId="0" borderId="0" xfId="0" applyFont="1" applyAlignment="1">
      <alignment horizontal="center" vertical="center" wrapText="1"/>
    </xf>
    <xf numFmtId="0" fontId="10" fillId="0" borderId="0" xfId="0" applyFont="1" applyAlignment="1">
      <alignment horizontal="center" vertical="center" wrapText="1"/>
    </xf>
    <xf numFmtId="0" fontId="9" fillId="0" borderId="19" xfId="0" applyFont="1" applyBorder="1" applyAlignment="1">
      <alignment vertical="top" wrapText="1"/>
    </xf>
    <xf numFmtId="0" fontId="9" fillId="0" borderId="20" xfId="0" applyFont="1" applyBorder="1" applyAlignment="1">
      <alignment vertical="top" wrapText="1"/>
    </xf>
    <xf numFmtId="0" fontId="1" fillId="0" borderId="1" xfId="0" applyFont="1" applyBorder="1" applyAlignment="1">
      <alignment vertical="center" wrapText="1"/>
    </xf>
    <xf numFmtId="0" fontId="9" fillId="0" borderId="52" xfId="0" applyFont="1" applyBorder="1" applyAlignment="1">
      <alignment vertical="center" wrapText="1"/>
    </xf>
    <xf numFmtId="0" fontId="1" fillId="0" borderId="10" xfId="0" applyFont="1" applyBorder="1" applyAlignment="1">
      <alignment vertical="center" wrapText="1"/>
    </xf>
    <xf numFmtId="0" fontId="9" fillId="0" borderId="53" xfId="0" applyFont="1" applyBorder="1" applyAlignment="1">
      <alignment vertical="center" wrapText="1"/>
    </xf>
    <xf numFmtId="0" fontId="6" fillId="0" borderId="37" xfId="0" applyFont="1" applyBorder="1" applyAlignment="1">
      <alignment horizontal="center" vertical="center" wrapText="1"/>
    </xf>
    <xf numFmtId="0" fontId="9" fillId="0" borderId="17" xfId="0" applyFont="1" applyBorder="1" applyAlignment="1">
      <alignment horizontal="center" vertical="center" wrapText="1"/>
    </xf>
    <xf numFmtId="0" fontId="6" fillId="0" borderId="48" xfId="0" applyFont="1" applyBorder="1" applyAlignment="1">
      <alignment horizontal="center" vertical="center" wrapText="1"/>
    </xf>
    <xf numFmtId="0" fontId="6" fillId="0" borderId="49" xfId="0" applyFont="1" applyBorder="1" applyAlignment="1">
      <alignment horizontal="center" vertical="center" wrapText="1"/>
    </xf>
    <xf numFmtId="0" fontId="9" fillId="0" borderId="50" xfId="0" applyFont="1" applyBorder="1" applyAlignment="1">
      <alignment horizontal="center" vertical="center" wrapText="1"/>
    </xf>
    <xf numFmtId="0" fontId="7" fillId="0" borderId="51" xfId="0" applyFont="1" applyBorder="1" applyAlignment="1">
      <alignment horizontal="center" vertical="center" wrapText="1"/>
    </xf>
    <xf numFmtId="0" fontId="9" fillId="0" borderId="37" xfId="0" applyFont="1" applyBorder="1" applyAlignment="1">
      <alignment horizontal="center" vertical="center" wrapText="1"/>
    </xf>
    <xf numFmtId="0" fontId="6" fillId="0" borderId="3" xfId="0" applyFont="1" applyBorder="1" applyAlignment="1">
      <alignment horizontal="center" vertical="center" wrapText="1"/>
    </xf>
    <xf numFmtId="0" fontId="9" fillId="0" borderId="30" xfId="0" applyFont="1" applyBorder="1" applyAlignment="1">
      <alignment horizontal="center" vertical="center" wrapText="1"/>
    </xf>
    <xf numFmtId="0" fontId="1" fillId="0" borderId="36" xfId="0" applyFont="1" applyBorder="1" applyAlignment="1">
      <alignment vertical="center" wrapText="1"/>
    </xf>
    <xf numFmtId="0" fontId="11" fillId="0" borderId="17" xfId="0" applyFont="1" applyBorder="1" applyAlignment="1">
      <alignment vertical="center" wrapText="1"/>
    </xf>
    <xf numFmtId="0" fontId="9" fillId="0" borderId="4" xfId="0" applyFont="1" applyBorder="1" applyAlignment="1">
      <alignment vertical="center" wrapText="1"/>
    </xf>
    <xf numFmtId="0" fontId="9" fillId="0" borderId="14" xfId="0" applyFont="1" applyBorder="1" applyAlignment="1">
      <alignment vertical="center" wrapText="1"/>
    </xf>
    <xf numFmtId="0" fontId="6" fillId="0" borderId="22" xfId="0" applyFont="1" applyBorder="1" applyAlignment="1">
      <alignment vertical="center" wrapText="1"/>
    </xf>
    <xf numFmtId="0" fontId="10" fillId="0" borderId="40" xfId="0" applyFont="1" applyBorder="1" applyAlignment="1">
      <alignment vertical="center" wrapText="1"/>
    </xf>
    <xf numFmtId="0" fontId="10" fillId="0" borderId="41" xfId="0" applyFont="1" applyBorder="1" applyAlignment="1">
      <alignment vertical="center" wrapText="1"/>
    </xf>
    <xf numFmtId="0" fontId="10" fillId="0" borderId="20" xfId="0" applyFont="1" applyBorder="1" applyAlignment="1">
      <alignment vertical="center" wrapText="1"/>
    </xf>
    <xf numFmtId="0" fontId="10" fillId="0" borderId="27" xfId="0" applyFont="1" applyBorder="1" applyAlignment="1">
      <alignment vertical="center" wrapText="1"/>
    </xf>
    <xf numFmtId="0" fontId="10" fillId="0" borderId="42" xfId="0" applyFont="1" applyBorder="1" applyAlignment="1">
      <alignment vertical="center" wrapText="1"/>
    </xf>
    <xf numFmtId="0" fontId="6" fillId="0" borderId="43" xfId="0" applyFont="1" applyBorder="1" applyAlignment="1">
      <alignment horizontal="center" vertical="center" wrapText="1"/>
    </xf>
    <xf numFmtId="0" fontId="6" fillId="0" borderId="44" xfId="0" applyFont="1" applyBorder="1" applyAlignment="1">
      <alignment horizontal="center" vertical="center" wrapText="1"/>
    </xf>
    <xf numFmtId="0" fontId="9" fillId="0" borderId="45" xfId="0" applyFont="1" applyBorder="1" applyAlignment="1">
      <alignment horizontal="center" vertical="center" wrapText="1"/>
    </xf>
    <xf numFmtId="0" fontId="6" fillId="0" borderId="46" xfId="0" applyFont="1" applyBorder="1" applyAlignment="1">
      <alignment horizontal="center" vertical="center" wrapText="1"/>
    </xf>
    <xf numFmtId="0" fontId="7" fillId="0" borderId="23" xfId="0" applyFont="1" applyBorder="1" applyAlignment="1">
      <alignment horizontal="center" vertical="center" wrapText="1"/>
    </xf>
    <xf numFmtId="0" fontId="7" fillId="0" borderId="40" xfId="0" applyFont="1" applyBorder="1" applyAlignment="1">
      <alignment horizontal="center" vertical="center" wrapText="1"/>
    </xf>
    <xf numFmtId="0" fontId="7" fillId="0" borderId="19" xfId="0" applyFont="1" applyBorder="1" applyAlignment="1">
      <alignment horizontal="center" vertical="center" wrapText="1"/>
    </xf>
    <xf numFmtId="0" fontId="7" fillId="0" borderId="0" xfId="0" applyFont="1" applyAlignment="1">
      <alignment horizontal="center" vertical="center" wrapText="1"/>
    </xf>
    <xf numFmtId="0" fontId="7" fillId="0" borderId="20" xfId="0" applyFont="1" applyBorder="1" applyAlignment="1">
      <alignment horizontal="center" vertical="center" wrapText="1"/>
    </xf>
    <xf numFmtId="0" fontId="9" fillId="0" borderId="47" xfId="0" applyFont="1" applyBorder="1" applyAlignment="1">
      <alignment horizontal="center" vertical="center" wrapText="1"/>
    </xf>
    <xf numFmtId="0" fontId="9" fillId="0" borderId="13" xfId="0" applyFont="1" applyBorder="1" applyAlignment="1">
      <alignment horizontal="center" vertical="center" wrapText="1"/>
    </xf>
    <xf numFmtId="0" fontId="9" fillId="0" borderId="42" xfId="0" applyFont="1" applyBorder="1" applyAlignment="1">
      <alignment horizontal="center"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179"/>
  <sheetViews>
    <sheetView showGridLines="0" tabSelected="1" view="pageBreakPreview" zoomScale="115" zoomScaleNormal="100" zoomScaleSheetLayoutView="115" workbookViewId="0"/>
  </sheetViews>
  <sheetFormatPr defaultRowHeight="10.5" x14ac:dyDescent="0.15"/>
  <cols>
    <col min="1" max="2" width="4.125" style="4" customWidth="1"/>
    <col min="3" max="3" width="15.625" style="4" customWidth="1"/>
    <col min="4" max="4" width="13.125" style="4" customWidth="1"/>
    <col min="5" max="6" width="18.625" style="4" customWidth="1"/>
    <col min="7" max="7" width="5.75" style="4" hidden="1" customWidth="1"/>
    <col min="8" max="9" width="6" style="4" customWidth="1"/>
    <col min="10" max="11" width="6.625" style="4" customWidth="1"/>
    <col min="12" max="12" width="8" style="4" customWidth="1"/>
    <col min="13" max="16384" width="9" style="4"/>
  </cols>
  <sheetData>
    <row r="1" spans="1:13" x14ac:dyDescent="0.15">
      <c r="A1" s="56" t="s">
        <v>369</v>
      </c>
    </row>
    <row r="2" spans="1:13" ht="13.5" x14ac:dyDescent="0.15">
      <c r="A2" s="148" t="s">
        <v>142</v>
      </c>
      <c r="B2" s="149"/>
      <c r="C2" s="149"/>
      <c r="D2" s="149"/>
      <c r="E2" s="149"/>
      <c r="F2" s="149"/>
      <c r="G2" s="149"/>
      <c r="H2" s="149"/>
      <c r="I2" s="149"/>
      <c r="J2" s="149"/>
      <c r="K2" s="149"/>
    </row>
    <row r="3" spans="1:13" ht="12.75" thickBot="1" x14ac:dyDescent="0.2">
      <c r="A3" s="37"/>
    </row>
    <row r="4" spans="1:13" ht="11.25" customHeight="1" x14ac:dyDescent="0.15">
      <c r="A4" s="169" t="s">
        <v>35</v>
      </c>
      <c r="B4" s="170"/>
      <c r="C4" s="49"/>
      <c r="D4" s="92" t="s">
        <v>38</v>
      </c>
      <c r="E4" s="93"/>
      <c r="F4" s="93"/>
      <c r="G4" s="93"/>
      <c r="H4" s="93"/>
      <c r="I4" s="94"/>
      <c r="J4" s="90" t="s">
        <v>39</v>
      </c>
      <c r="K4" s="91"/>
    </row>
    <row r="5" spans="1:13" ht="11.25" customHeight="1" x14ac:dyDescent="0.15">
      <c r="A5" s="171"/>
      <c r="B5" s="172"/>
      <c r="C5" s="22" t="s">
        <v>36</v>
      </c>
      <c r="D5" s="152"/>
      <c r="E5" s="147"/>
      <c r="F5" s="147"/>
      <c r="G5" s="147"/>
      <c r="H5" s="147"/>
      <c r="I5" s="126"/>
      <c r="J5" s="152"/>
      <c r="K5" s="153"/>
    </row>
    <row r="6" spans="1:13" ht="11.25" customHeight="1" x14ac:dyDescent="0.15">
      <c r="A6" s="171"/>
      <c r="B6" s="172"/>
      <c r="C6" s="165" t="s">
        <v>37</v>
      </c>
      <c r="D6" s="152"/>
      <c r="E6" s="147"/>
      <c r="F6" s="147"/>
      <c r="G6" s="147"/>
      <c r="H6" s="147"/>
      <c r="I6" s="126"/>
      <c r="J6" s="152"/>
      <c r="K6" s="153"/>
    </row>
    <row r="7" spans="1:13" ht="11.25" customHeight="1" thickBot="1" x14ac:dyDescent="0.2">
      <c r="A7" s="173"/>
      <c r="B7" s="174"/>
      <c r="C7" s="166"/>
      <c r="D7" s="154"/>
      <c r="E7" s="167"/>
      <c r="F7" s="167"/>
      <c r="G7" s="167"/>
      <c r="H7" s="167"/>
      <c r="I7" s="168"/>
      <c r="J7" s="154"/>
      <c r="K7" s="155"/>
    </row>
    <row r="8" spans="1:13" ht="11.25" thickBot="1" x14ac:dyDescent="0.2">
      <c r="A8" s="25"/>
      <c r="B8" s="25"/>
      <c r="C8" s="25"/>
      <c r="D8" s="25"/>
      <c r="E8" s="25"/>
      <c r="F8" s="25"/>
      <c r="G8" s="25"/>
      <c r="H8" s="25"/>
      <c r="I8" s="25"/>
      <c r="J8" s="25"/>
      <c r="K8" s="25"/>
    </row>
    <row r="9" spans="1:13" ht="12" customHeight="1" x14ac:dyDescent="0.15">
      <c r="A9" s="175" t="s">
        <v>3</v>
      </c>
      <c r="B9" s="178" t="s">
        <v>16</v>
      </c>
      <c r="C9" s="179"/>
      <c r="D9" s="179"/>
      <c r="E9" s="179"/>
      <c r="F9" s="180"/>
      <c r="G9" s="161" t="s">
        <v>19</v>
      </c>
      <c r="H9" s="90" t="s">
        <v>17</v>
      </c>
      <c r="I9" s="163"/>
      <c r="J9" s="164"/>
      <c r="K9" s="158" t="s">
        <v>26</v>
      </c>
      <c r="L9" s="1"/>
      <c r="M9" s="1"/>
    </row>
    <row r="10" spans="1:13" ht="11.25" customHeight="1" x14ac:dyDescent="0.15">
      <c r="A10" s="176"/>
      <c r="B10" s="181"/>
      <c r="C10" s="182"/>
      <c r="D10" s="182"/>
      <c r="E10" s="182"/>
      <c r="F10" s="183"/>
      <c r="G10" s="162"/>
      <c r="H10" s="156" t="s">
        <v>45</v>
      </c>
      <c r="I10" s="50" t="s">
        <v>1</v>
      </c>
      <c r="J10" s="51"/>
      <c r="K10" s="159"/>
      <c r="L10" s="1"/>
      <c r="M10" s="1"/>
    </row>
    <row r="11" spans="1:13" ht="21" customHeight="1" thickBot="1" x14ac:dyDescent="0.2">
      <c r="A11" s="177"/>
      <c r="B11" s="184"/>
      <c r="C11" s="185"/>
      <c r="D11" s="185"/>
      <c r="E11" s="185"/>
      <c r="F11" s="186"/>
      <c r="G11" s="48"/>
      <c r="H11" s="157"/>
      <c r="I11" s="52"/>
      <c r="J11" s="53" t="s">
        <v>46</v>
      </c>
      <c r="K11" s="160"/>
      <c r="L11" s="1"/>
      <c r="M11" s="1"/>
    </row>
    <row r="12" spans="1:13" ht="12" customHeight="1" x14ac:dyDescent="0.15">
      <c r="A12" s="39">
        <v>1</v>
      </c>
      <c r="B12" s="69" t="s">
        <v>33</v>
      </c>
      <c r="C12" s="70"/>
      <c r="D12" s="70"/>
      <c r="E12" s="70"/>
      <c r="F12" s="70"/>
      <c r="G12" s="70"/>
      <c r="H12" s="70"/>
      <c r="I12" s="70"/>
      <c r="J12" s="70"/>
      <c r="K12" s="71"/>
    </row>
    <row r="13" spans="1:13" ht="11.25" customHeight="1" x14ac:dyDescent="0.15">
      <c r="A13" s="26" t="s">
        <v>28</v>
      </c>
      <c r="B13" s="67" t="s">
        <v>153</v>
      </c>
      <c r="C13" s="72"/>
      <c r="D13" s="73"/>
      <c r="E13" s="83" t="s">
        <v>4</v>
      </c>
      <c r="F13" s="68"/>
      <c r="G13" s="22"/>
      <c r="H13" s="10"/>
      <c r="I13" s="10"/>
      <c r="J13" s="10"/>
      <c r="K13" s="11"/>
    </row>
    <row r="14" spans="1:13" ht="12" customHeight="1" x14ac:dyDescent="0.15">
      <c r="A14" s="26" t="s">
        <v>47</v>
      </c>
      <c r="B14" s="67" t="s">
        <v>154</v>
      </c>
      <c r="C14" s="72"/>
      <c r="D14" s="73"/>
      <c r="E14" s="83" t="s">
        <v>155</v>
      </c>
      <c r="F14" s="68"/>
      <c r="G14" s="22"/>
      <c r="H14" s="10"/>
      <c r="I14" s="10"/>
      <c r="J14" s="10"/>
      <c r="K14" s="11"/>
    </row>
    <row r="15" spans="1:13" ht="12" customHeight="1" x14ac:dyDescent="0.15">
      <c r="A15" s="26" t="s">
        <v>156</v>
      </c>
      <c r="B15" s="67" t="s">
        <v>157</v>
      </c>
      <c r="C15" s="72"/>
      <c r="D15" s="73"/>
      <c r="E15" s="83" t="s">
        <v>158</v>
      </c>
      <c r="F15" s="68"/>
      <c r="G15" s="22"/>
      <c r="H15" s="10"/>
      <c r="I15" s="10"/>
      <c r="J15" s="10"/>
      <c r="K15" s="11"/>
    </row>
    <row r="16" spans="1:13" ht="12" customHeight="1" x14ac:dyDescent="0.15">
      <c r="A16" s="26" t="s">
        <v>159</v>
      </c>
      <c r="B16" s="67"/>
      <c r="C16" s="72"/>
      <c r="D16" s="73"/>
      <c r="E16" s="83" t="s">
        <v>81</v>
      </c>
      <c r="F16" s="68"/>
      <c r="G16" s="22"/>
      <c r="H16" s="10"/>
      <c r="I16" s="10"/>
      <c r="J16" s="10"/>
      <c r="K16" s="11"/>
    </row>
    <row r="17" spans="1:11" ht="12" customHeight="1" x14ac:dyDescent="0.15">
      <c r="A17" s="26" t="s">
        <v>160</v>
      </c>
      <c r="B17" s="67"/>
      <c r="C17" s="72"/>
      <c r="D17" s="73"/>
      <c r="E17" s="83" t="s">
        <v>161</v>
      </c>
      <c r="F17" s="68"/>
      <c r="G17" s="22"/>
      <c r="H17" s="10"/>
      <c r="I17" s="10"/>
      <c r="J17" s="10"/>
      <c r="K17" s="11"/>
    </row>
    <row r="18" spans="1:11" ht="21" customHeight="1" x14ac:dyDescent="0.15">
      <c r="A18" s="26" t="s">
        <v>162</v>
      </c>
      <c r="B18" s="67" t="s">
        <v>143</v>
      </c>
      <c r="C18" s="72"/>
      <c r="D18" s="73"/>
      <c r="E18" s="83" t="s">
        <v>163</v>
      </c>
      <c r="F18" s="68"/>
      <c r="G18" s="22"/>
      <c r="H18" s="10"/>
      <c r="I18" s="10"/>
      <c r="J18" s="10"/>
      <c r="K18" s="11"/>
    </row>
    <row r="19" spans="1:11" ht="21" customHeight="1" x14ac:dyDescent="0.15">
      <c r="A19" s="26" t="s">
        <v>58</v>
      </c>
      <c r="B19" s="67"/>
      <c r="C19" s="72"/>
      <c r="D19" s="73"/>
      <c r="E19" s="67" t="s">
        <v>164</v>
      </c>
      <c r="F19" s="68"/>
      <c r="G19" s="22"/>
      <c r="H19" s="10"/>
      <c r="I19" s="10"/>
      <c r="J19" s="10"/>
      <c r="K19" s="11"/>
    </row>
    <row r="20" spans="1:11" ht="12" customHeight="1" x14ac:dyDescent="0.15">
      <c r="A20" s="26" t="s">
        <v>165</v>
      </c>
      <c r="B20" s="67" t="s">
        <v>40</v>
      </c>
      <c r="C20" s="72"/>
      <c r="D20" s="73"/>
      <c r="E20" s="67" t="s">
        <v>82</v>
      </c>
      <c r="F20" s="68"/>
      <c r="G20" s="22"/>
      <c r="H20" s="10"/>
      <c r="I20" s="10"/>
      <c r="J20" s="10"/>
      <c r="K20" s="11"/>
    </row>
    <row r="21" spans="1:11" ht="11.25" customHeight="1" thickBot="1" x14ac:dyDescent="0.2">
      <c r="A21" s="26" t="s">
        <v>49</v>
      </c>
      <c r="B21" s="67"/>
      <c r="C21" s="72"/>
      <c r="D21" s="73"/>
      <c r="E21" s="67" t="s">
        <v>83</v>
      </c>
      <c r="F21" s="68"/>
      <c r="G21" s="22"/>
      <c r="H21" s="10"/>
      <c r="I21" s="10"/>
      <c r="J21" s="10"/>
      <c r="K21" s="11"/>
    </row>
    <row r="22" spans="1:11" ht="12" customHeight="1" x14ac:dyDescent="0.15">
      <c r="A22" s="39">
        <v>2</v>
      </c>
      <c r="B22" s="69" t="s">
        <v>166</v>
      </c>
      <c r="C22" s="70"/>
      <c r="D22" s="70"/>
      <c r="E22" s="70"/>
      <c r="F22" s="70"/>
      <c r="G22" s="70"/>
      <c r="H22" s="70"/>
      <c r="I22" s="70"/>
      <c r="J22" s="70"/>
      <c r="K22" s="71"/>
    </row>
    <row r="23" spans="1:11" ht="12" customHeight="1" x14ac:dyDescent="0.15">
      <c r="A23" s="26" t="s">
        <v>167</v>
      </c>
      <c r="B23" s="67" t="s">
        <v>5</v>
      </c>
      <c r="C23" s="72"/>
      <c r="D23" s="88"/>
      <c r="E23" s="67" t="s">
        <v>50</v>
      </c>
      <c r="F23" s="68"/>
      <c r="G23" s="22"/>
      <c r="H23" s="10"/>
      <c r="I23" s="10"/>
      <c r="J23" s="10"/>
      <c r="K23" s="11"/>
    </row>
    <row r="24" spans="1:11" ht="12" customHeight="1" x14ac:dyDescent="0.15">
      <c r="A24" s="26" t="s">
        <v>168</v>
      </c>
      <c r="B24" s="67"/>
      <c r="C24" s="72"/>
      <c r="D24" s="88"/>
      <c r="E24" s="67" t="s">
        <v>84</v>
      </c>
      <c r="F24" s="68"/>
      <c r="G24" s="22"/>
      <c r="H24" s="10"/>
      <c r="I24" s="10"/>
      <c r="J24" s="10"/>
      <c r="K24" s="11"/>
    </row>
    <row r="25" spans="1:11" ht="12" customHeight="1" x14ac:dyDescent="0.15">
      <c r="A25" s="26" t="s">
        <v>169</v>
      </c>
      <c r="B25" s="109" t="s">
        <v>29</v>
      </c>
      <c r="C25" s="72"/>
      <c r="D25" s="88"/>
      <c r="E25" s="67" t="s">
        <v>51</v>
      </c>
      <c r="F25" s="68"/>
      <c r="G25" s="22"/>
      <c r="H25" s="10"/>
      <c r="I25" s="10"/>
      <c r="J25" s="10"/>
      <c r="K25" s="11"/>
    </row>
    <row r="26" spans="1:11" ht="12" customHeight="1" x14ac:dyDescent="0.15">
      <c r="A26" s="26" t="s">
        <v>170</v>
      </c>
      <c r="B26" s="67"/>
      <c r="C26" s="72"/>
      <c r="D26" s="88"/>
      <c r="E26" s="67" t="s">
        <v>85</v>
      </c>
      <c r="F26" s="68"/>
      <c r="G26" s="22"/>
      <c r="H26" s="10"/>
      <c r="I26" s="10"/>
      <c r="J26" s="10"/>
      <c r="K26" s="11"/>
    </row>
    <row r="27" spans="1:11" ht="21" customHeight="1" x14ac:dyDescent="0.15">
      <c r="A27" s="26" t="s">
        <v>171</v>
      </c>
      <c r="B27" s="65" t="s">
        <v>172</v>
      </c>
      <c r="C27" s="67" t="s">
        <v>6</v>
      </c>
      <c r="D27" s="88"/>
      <c r="E27" s="67" t="s">
        <v>173</v>
      </c>
      <c r="F27" s="68"/>
      <c r="G27" s="22"/>
      <c r="H27" s="10"/>
      <c r="I27" s="10"/>
      <c r="J27" s="10"/>
      <c r="K27" s="11"/>
    </row>
    <row r="28" spans="1:11" ht="12" customHeight="1" x14ac:dyDescent="0.15">
      <c r="A28" s="26" t="s">
        <v>48</v>
      </c>
      <c r="B28" s="65"/>
      <c r="C28" s="89"/>
      <c r="D28" s="88"/>
      <c r="E28" s="67" t="s">
        <v>86</v>
      </c>
      <c r="F28" s="68"/>
      <c r="G28" s="22"/>
      <c r="H28" s="10"/>
      <c r="I28" s="10"/>
      <c r="J28" s="10"/>
      <c r="K28" s="11"/>
    </row>
    <row r="29" spans="1:11" ht="11.25" customHeight="1" x14ac:dyDescent="0.15">
      <c r="A29" s="26" t="s">
        <v>174</v>
      </c>
      <c r="B29" s="65"/>
      <c r="C29" s="89"/>
      <c r="D29" s="88"/>
      <c r="E29" s="67" t="s">
        <v>87</v>
      </c>
      <c r="F29" s="68"/>
      <c r="G29" s="22"/>
      <c r="H29" s="10"/>
      <c r="I29" s="10"/>
      <c r="J29" s="10"/>
      <c r="K29" s="11"/>
    </row>
    <row r="30" spans="1:11" ht="21" customHeight="1" x14ac:dyDescent="0.15">
      <c r="A30" s="26" t="s">
        <v>175</v>
      </c>
      <c r="B30" s="66"/>
      <c r="C30" s="89"/>
      <c r="D30" s="88"/>
      <c r="E30" s="67" t="s">
        <v>88</v>
      </c>
      <c r="F30" s="68"/>
      <c r="G30" s="22"/>
      <c r="H30" s="10"/>
      <c r="I30" s="10"/>
      <c r="J30" s="10"/>
      <c r="K30" s="11"/>
    </row>
    <row r="31" spans="1:11" ht="11.25" customHeight="1" x14ac:dyDescent="0.15">
      <c r="A31" s="26" t="s">
        <v>53</v>
      </c>
      <c r="B31" s="66"/>
      <c r="C31" s="89"/>
      <c r="D31" s="88"/>
      <c r="E31" s="67" t="s">
        <v>89</v>
      </c>
      <c r="F31" s="68"/>
      <c r="G31" s="22"/>
      <c r="H31" s="10"/>
      <c r="I31" s="10"/>
      <c r="J31" s="10"/>
      <c r="K31" s="11"/>
    </row>
    <row r="32" spans="1:11" ht="21" customHeight="1" x14ac:dyDescent="0.15">
      <c r="A32" s="40" t="s">
        <v>176</v>
      </c>
      <c r="B32" s="66"/>
      <c r="C32" s="89"/>
      <c r="D32" s="88"/>
      <c r="E32" s="67" t="s">
        <v>90</v>
      </c>
      <c r="F32" s="68"/>
      <c r="G32" s="22"/>
      <c r="H32" s="10"/>
      <c r="I32" s="10"/>
      <c r="J32" s="10"/>
      <c r="K32" s="11"/>
    </row>
    <row r="33" spans="1:11" ht="21.75" customHeight="1" x14ac:dyDescent="0.15">
      <c r="A33" s="26" t="s">
        <v>177</v>
      </c>
      <c r="B33" s="66"/>
      <c r="C33" s="67" t="s">
        <v>178</v>
      </c>
      <c r="D33" s="88"/>
      <c r="E33" s="67" t="s">
        <v>91</v>
      </c>
      <c r="F33" s="68"/>
      <c r="G33" s="22"/>
      <c r="H33" s="10"/>
      <c r="I33" s="10"/>
      <c r="J33" s="10"/>
      <c r="K33" s="11"/>
    </row>
    <row r="34" spans="1:11" ht="21" customHeight="1" x14ac:dyDescent="0.15">
      <c r="A34" s="26" t="s">
        <v>179</v>
      </c>
      <c r="B34" s="66"/>
      <c r="C34" s="67"/>
      <c r="D34" s="88"/>
      <c r="E34" s="67" t="s">
        <v>92</v>
      </c>
      <c r="F34" s="126"/>
      <c r="G34" s="22"/>
      <c r="H34" s="10"/>
      <c r="I34" s="10"/>
      <c r="J34" s="10"/>
      <c r="K34" s="11"/>
    </row>
    <row r="35" spans="1:11" ht="11.25" customHeight="1" x14ac:dyDescent="0.15">
      <c r="A35" s="26" t="s">
        <v>54</v>
      </c>
      <c r="B35" s="66"/>
      <c r="C35" s="89"/>
      <c r="D35" s="88"/>
      <c r="E35" s="67" t="s">
        <v>93</v>
      </c>
      <c r="F35" s="68"/>
      <c r="G35" s="22"/>
      <c r="H35" s="10"/>
      <c r="I35" s="10"/>
      <c r="J35" s="10"/>
      <c r="K35" s="11"/>
    </row>
    <row r="36" spans="1:11" ht="21" customHeight="1" x14ac:dyDescent="0.15">
      <c r="A36" s="26" t="s">
        <v>55</v>
      </c>
      <c r="B36" s="66"/>
      <c r="C36" s="89"/>
      <c r="D36" s="88"/>
      <c r="E36" s="67" t="s">
        <v>94</v>
      </c>
      <c r="F36" s="68"/>
      <c r="G36" s="22"/>
      <c r="H36" s="10"/>
      <c r="I36" s="10"/>
      <c r="J36" s="10"/>
      <c r="K36" s="11"/>
    </row>
    <row r="37" spans="1:11" ht="12" customHeight="1" x14ac:dyDescent="0.15">
      <c r="A37" s="26" t="s">
        <v>56</v>
      </c>
      <c r="B37" s="66"/>
      <c r="C37" s="67" t="s">
        <v>7</v>
      </c>
      <c r="D37" s="88"/>
      <c r="E37" s="67" t="s">
        <v>95</v>
      </c>
      <c r="F37" s="68"/>
      <c r="G37" s="22"/>
      <c r="H37" s="10"/>
      <c r="I37" s="10"/>
      <c r="J37" s="10"/>
      <c r="K37" s="11"/>
    </row>
    <row r="38" spans="1:11" ht="12" customHeight="1" x14ac:dyDescent="0.15">
      <c r="A38" s="26" t="s">
        <v>180</v>
      </c>
      <c r="B38" s="66"/>
      <c r="C38" s="89"/>
      <c r="D38" s="88"/>
      <c r="E38" s="67" t="s">
        <v>96</v>
      </c>
      <c r="F38" s="68"/>
      <c r="G38" s="22"/>
      <c r="H38" s="10"/>
      <c r="I38" s="10"/>
      <c r="J38" s="10"/>
      <c r="K38" s="11"/>
    </row>
    <row r="39" spans="1:11" ht="12" customHeight="1" x14ac:dyDescent="0.15">
      <c r="A39" s="26" t="s">
        <v>61</v>
      </c>
      <c r="B39" s="66"/>
      <c r="C39" s="67" t="s">
        <v>75</v>
      </c>
      <c r="D39" s="88"/>
      <c r="E39" s="67" t="s">
        <v>97</v>
      </c>
      <c r="F39" s="68"/>
      <c r="G39" s="22"/>
      <c r="H39" s="10"/>
      <c r="I39" s="10"/>
      <c r="J39" s="10"/>
      <c r="K39" s="11"/>
    </row>
    <row r="40" spans="1:11" ht="12" customHeight="1" thickBot="1" x14ac:dyDescent="0.2">
      <c r="A40" s="41" t="s">
        <v>181</v>
      </c>
      <c r="B40" s="115"/>
      <c r="C40" s="110"/>
      <c r="D40" s="135"/>
      <c r="E40" s="110" t="s">
        <v>98</v>
      </c>
      <c r="F40" s="111"/>
      <c r="G40" s="23"/>
      <c r="H40" s="12"/>
      <c r="I40" s="12"/>
      <c r="J40" s="12"/>
      <c r="K40" s="13"/>
    </row>
    <row r="41" spans="1:11" ht="12" customHeight="1" x14ac:dyDescent="0.15">
      <c r="A41" s="39">
        <v>3</v>
      </c>
      <c r="B41" s="69" t="s">
        <v>34</v>
      </c>
      <c r="C41" s="70"/>
      <c r="D41" s="70"/>
      <c r="E41" s="70"/>
      <c r="F41" s="70"/>
      <c r="G41" s="70"/>
      <c r="H41" s="70"/>
      <c r="I41" s="70"/>
      <c r="J41" s="70"/>
      <c r="K41" s="71"/>
    </row>
    <row r="42" spans="1:11" ht="12" customHeight="1" x14ac:dyDescent="0.15">
      <c r="A42" s="14" t="s">
        <v>57</v>
      </c>
      <c r="B42" s="109" t="s">
        <v>182</v>
      </c>
      <c r="C42" s="72"/>
      <c r="D42" s="73"/>
      <c r="E42" s="67" t="s">
        <v>99</v>
      </c>
      <c r="F42" s="68"/>
      <c r="G42" s="22"/>
      <c r="H42" s="10"/>
      <c r="I42" s="10"/>
      <c r="J42" s="10"/>
      <c r="K42" s="11"/>
    </row>
    <row r="43" spans="1:11" ht="11.25" customHeight="1" x14ac:dyDescent="0.15">
      <c r="A43" s="14" t="s">
        <v>183</v>
      </c>
      <c r="B43" s="109" t="s">
        <v>76</v>
      </c>
      <c r="C43" s="72"/>
      <c r="D43" s="73"/>
      <c r="E43" s="67" t="s">
        <v>100</v>
      </c>
      <c r="F43" s="68"/>
      <c r="G43" s="22"/>
      <c r="H43" s="10"/>
      <c r="I43" s="10"/>
      <c r="J43" s="10"/>
      <c r="K43" s="11"/>
    </row>
    <row r="44" spans="1:11" ht="11.25" customHeight="1" x14ac:dyDescent="0.15">
      <c r="A44" s="14" t="s">
        <v>184</v>
      </c>
      <c r="B44" s="67"/>
      <c r="C44" s="72"/>
      <c r="D44" s="73"/>
      <c r="E44" s="67" t="s">
        <v>101</v>
      </c>
      <c r="F44" s="68"/>
      <c r="G44" s="22"/>
      <c r="H44" s="10"/>
      <c r="I44" s="10"/>
      <c r="J44" s="10"/>
      <c r="K44" s="11"/>
    </row>
    <row r="45" spans="1:11" ht="12" customHeight="1" x14ac:dyDescent="0.15">
      <c r="A45" s="14" t="s">
        <v>185</v>
      </c>
      <c r="B45" s="67"/>
      <c r="C45" s="72"/>
      <c r="D45" s="73"/>
      <c r="E45" s="67" t="s">
        <v>102</v>
      </c>
      <c r="F45" s="68"/>
      <c r="G45" s="22"/>
      <c r="H45" s="10"/>
      <c r="I45" s="10"/>
      <c r="J45" s="10"/>
      <c r="K45" s="11"/>
    </row>
    <row r="46" spans="1:11" ht="11.25" customHeight="1" x14ac:dyDescent="0.15">
      <c r="A46" s="14" t="s">
        <v>186</v>
      </c>
      <c r="B46" s="67"/>
      <c r="C46" s="72"/>
      <c r="D46" s="73"/>
      <c r="E46" s="67" t="s">
        <v>103</v>
      </c>
      <c r="F46" s="68"/>
      <c r="G46" s="22"/>
      <c r="H46" s="10"/>
      <c r="I46" s="10"/>
      <c r="J46" s="10"/>
      <c r="K46" s="11"/>
    </row>
    <row r="47" spans="1:11" ht="12" customHeight="1" x14ac:dyDescent="0.15">
      <c r="A47" s="14" t="s">
        <v>187</v>
      </c>
      <c r="B47" s="109" t="s">
        <v>30</v>
      </c>
      <c r="C47" s="72"/>
      <c r="D47" s="73"/>
      <c r="E47" s="67" t="s">
        <v>148</v>
      </c>
      <c r="F47" s="68"/>
      <c r="G47" s="22"/>
      <c r="H47" s="10"/>
      <c r="I47" s="10"/>
      <c r="J47" s="10"/>
      <c r="K47" s="11"/>
    </row>
    <row r="48" spans="1:11" ht="12" customHeight="1" x14ac:dyDescent="0.15">
      <c r="A48" s="14" t="s">
        <v>188</v>
      </c>
      <c r="B48" s="67"/>
      <c r="C48" s="72"/>
      <c r="D48" s="73"/>
      <c r="E48" s="67" t="s">
        <v>149</v>
      </c>
      <c r="F48" s="68"/>
      <c r="G48" s="22"/>
      <c r="H48" s="10"/>
      <c r="I48" s="10"/>
      <c r="J48" s="10"/>
      <c r="K48" s="11"/>
    </row>
    <row r="49" spans="1:11" ht="12" customHeight="1" x14ac:dyDescent="0.15">
      <c r="A49" s="14" t="s">
        <v>189</v>
      </c>
      <c r="B49" s="109" t="s">
        <v>190</v>
      </c>
      <c r="C49" s="72"/>
      <c r="D49" s="73"/>
      <c r="E49" s="67" t="s">
        <v>104</v>
      </c>
      <c r="F49" s="68"/>
      <c r="G49" s="22"/>
      <c r="H49" s="10"/>
      <c r="I49" s="10"/>
      <c r="J49" s="10"/>
      <c r="K49" s="11"/>
    </row>
    <row r="50" spans="1:11" ht="12" customHeight="1" thickBot="1" x14ac:dyDescent="0.2">
      <c r="A50" s="42" t="s">
        <v>60</v>
      </c>
      <c r="B50" s="110"/>
      <c r="C50" s="116"/>
      <c r="D50" s="117"/>
      <c r="E50" s="110" t="s">
        <v>98</v>
      </c>
      <c r="F50" s="111"/>
      <c r="G50" s="23"/>
      <c r="H50" s="12"/>
      <c r="I50" s="12"/>
      <c r="J50" s="12"/>
      <c r="K50" s="13"/>
    </row>
    <row r="51" spans="1:11" ht="12" customHeight="1" x14ac:dyDescent="0.15">
      <c r="A51" s="39">
        <v>4</v>
      </c>
      <c r="B51" s="69" t="s">
        <v>191</v>
      </c>
      <c r="C51" s="70"/>
      <c r="D51" s="70"/>
      <c r="E51" s="70"/>
      <c r="F51" s="70"/>
      <c r="G51" s="70"/>
      <c r="H51" s="70"/>
      <c r="I51" s="70"/>
      <c r="J51" s="70"/>
      <c r="K51" s="71"/>
    </row>
    <row r="52" spans="1:11" ht="12" customHeight="1" x14ac:dyDescent="0.15">
      <c r="A52" s="14" t="s">
        <v>192</v>
      </c>
      <c r="B52" s="106" t="s">
        <v>8</v>
      </c>
      <c r="C52" s="67" t="s">
        <v>351</v>
      </c>
      <c r="D52" s="72"/>
      <c r="E52" s="68"/>
      <c r="F52" s="68"/>
      <c r="G52" s="22"/>
      <c r="H52" s="10"/>
      <c r="I52" s="10"/>
      <c r="J52" s="10"/>
      <c r="K52" s="11"/>
    </row>
    <row r="53" spans="1:11" ht="12" customHeight="1" x14ac:dyDescent="0.15">
      <c r="A53" s="14" t="s">
        <v>193</v>
      </c>
      <c r="B53" s="118"/>
      <c r="C53" s="67" t="s">
        <v>352</v>
      </c>
      <c r="D53" s="72"/>
      <c r="E53" s="68"/>
      <c r="F53" s="68"/>
      <c r="G53" s="22"/>
      <c r="H53" s="10"/>
      <c r="I53" s="10"/>
      <c r="J53" s="10"/>
      <c r="K53" s="11"/>
    </row>
    <row r="54" spans="1:11" ht="12" customHeight="1" x14ac:dyDescent="0.15">
      <c r="A54" s="14" t="s">
        <v>194</v>
      </c>
      <c r="B54" s="118"/>
      <c r="C54" s="67" t="s">
        <v>353</v>
      </c>
      <c r="D54" s="72"/>
      <c r="E54" s="68"/>
      <c r="F54" s="68"/>
      <c r="G54" s="22"/>
      <c r="H54" s="10"/>
      <c r="I54" s="10"/>
      <c r="J54" s="10"/>
      <c r="K54" s="11"/>
    </row>
    <row r="55" spans="1:11" ht="23.25" customHeight="1" x14ac:dyDescent="0.15">
      <c r="A55" s="14" t="s">
        <v>195</v>
      </c>
      <c r="B55" s="118"/>
      <c r="C55" s="67" t="s">
        <v>196</v>
      </c>
      <c r="D55" s="73"/>
      <c r="E55" s="67" t="s">
        <v>354</v>
      </c>
      <c r="F55" s="68"/>
      <c r="G55" s="22"/>
      <c r="H55" s="10"/>
      <c r="I55" s="10"/>
      <c r="J55" s="10"/>
      <c r="K55" s="11"/>
    </row>
    <row r="56" spans="1:11" ht="23.25" customHeight="1" x14ac:dyDescent="0.15">
      <c r="A56" s="14" t="s">
        <v>160</v>
      </c>
      <c r="B56" s="119"/>
      <c r="C56" s="67"/>
      <c r="D56" s="73"/>
      <c r="E56" s="67" t="s">
        <v>355</v>
      </c>
      <c r="F56" s="68"/>
      <c r="G56" s="22"/>
      <c r="H56" s="10"/>
      <c r="I56" s="10"/>
      <c r="J56" s="10"/>
      <c r="K56" s="11"/>
    </row>
    <row r="57" spans="1:11" ht="23.25" customHeight="1" x14ac:dyDescent="0.15">
      <c r="A57" s="14" t="s">
        <v>197</v>
      </c>
      <c r="B57" s="65" t="s">
        <v>198</v>
      </c>
      <c r="C57" s="67" t="s">
        <v>6</v>
      </c>
      <c r="D57" s="73"/>
      <c r="E57" s="67" t="s">
        <v>199</v>
      </c>
      <c r="F57" s="68"/>
      <c r="G57" s="22"/>
      <c r="H57" s="10"/>
      <c r="I57" s="10"/>
      <c r="J57" s="10"/>
      <c r="K57" s="11"/>
    </row>
    <row r="58" spans="1:11" ht="23.25" customHeight="1" x14ac:dyDescent="0.15">
      <c r="A58" s="14" t="s">
        <v>305</v>
      </c>
      <c r="B58" s="65"/>
      <c r="C58" s="67"/>
      <c r="D58" s="73"/>
      <c r="E58" s="67" t="s">
        <v>200</v>
      </c>
      <c r="F58" s="68"/>
      <c r="G58" s="22"/>
      <c r="H58" s="10"/>
      <c r="I58" s="10"/>
      <c r="J58" s="10"/>
      <c r="K58" s="11"/>
    </row>
    <row r="59" spans="1:11" ht="21" customHeight="1" x14ac:dyDescent="0.15">
      <c r="A59" s="14" t="s">
        <v>306</v>
      </c>
      <c r="B59" s="65"/>
      <c r="C59" s="67"/>
      <c r="D59" s="73"/>
      <c r="E59" s="67" t="s">
        <v>201</v>
      </c>
      <c r="F59" s="68"/>
      <c r="G59" s="22"/>
      <c r="H59" s="10"/>
      <c r="I59" s="10"/>
      <c r="J59" s="10"/>
      <c r="K59" s="11"/>
    </row>
    <row r="60" spans="1:11" ht="23.25" customHeight="1" x14ac:dyDescent="0.15">
      <c r="A60" s="14" t="s">
        <v>307</v>
      </c>
      <c r="B60" s="65"/>
      <c r="C60" s="67"/>
      <c r="D60" s="73"/>
      <c r="E60" s="67" t="s">
        <v>202</v>
      </c>
      <c r="F60" s="68"/>
      <c r="G60" s="22"/>
      <c r="H60" s="10"/>
      <c r="I60" s="10"/>
      <c r="J60" s="10"/>
      <c r="K60" s="11"/>
    </row>
    <row r="61" spans="1:11" ht="21.75" customHeight="1" x14ac:dyDescent="0.15">
      <c r="A61" s="14" t="s">
        <v>308</v>
      </c>
      <c r="B61" s="65"/>
      <c r="C61" s="67"/>
      <c r="D61" s="73"/>
      <c r="E61" s="67" t="s">
        <v>203</v>
      </c>
      <c r="F61" s="68"/>
      <c r="G61" s="22"/>
      <c r="H61" s="10"/>
      <c r="I61" s="10"/>
      <c r="J61" s="10"/>
      <c r="K61" s="11"/>
    </row>
    <row r="62" spans="1:11" ht="12" customHeight="1" x14ac:dyDescent="0.15">
      <c r="A62" s="14" t="s">
        <v>309</v>
      </c>
      <c r="B62" s="65"/>
      <c r="C62" s="120" t="s">
        <v>340</v>
      </c>
      <c r="D62" s="128"/>
      <c r="E62" s="67" t="s">
        <v>204</v>
      </c>
      <c r="F62" s="68"/>
      <c r="G62" s="22"/>
      <c r="H62" s="10"/>
      <c r="I62" s="10"/>
      <c r="J62" s="10"/>
      <c r="K62" s="11"/>
    </row>
    <row r="63" spans="1:11" ht="12" customHeight="1" x14ac:dyDescent="0.15">
      <c r="A63" s="14" t="s">
        <v>144</v>
      </c>
      <c r="B63" s="65"/>
      <c r="C63" s="150"/>
      <c r="D63" s="151"/>
      <c r="E63" s="67" t="s">
        <v>105</v>
      </c>
      <c r="F63" s="68"/>
      <c r="G63" s="22"/>
      <c r="H63" s="10"/>
      <c r="I63" s="10"/>
      <c r="J63" s="10"/>
      <c r="K63" s="11"/>
    </row>
    <row r="64" spans="1:11" ht="12" customHeight="1" x14ac:dyDescent="0.15">
      <c r="A64" s="14" t="s">
        <v>145</v>
      </c>
      <c r="B64" s="65"/>
      <c r="C64" s="150"/>
      <c r="D64" s="151"/>
      <c r="E64" s="67" t="s">
        <v>106</v>
      </c>
      <c r="F64" s="68"/>
      <c r="G64" s="22"/>
      <c r="H64" s="10"/>
      <c r="I64" s="10"/>
      <c r="J64" s="10"/>
      <c r="K64" s="11"/>
    </row>
    <row r="65" spans="1:11" ht="21" customHeight="1" x14ac:dyDescent="0.15">
      <c r="A65" s="14" t="s">
        <v>146</v>
      </c>
      <c r="B65" s="65"/>
      <c r="C65" s="129"/>
      <c r="D65" s="131"/>
      <c r="E65" s="67" t="s">
        <v>205</v>
      </c>
      <c r="F65" s="68"/>
      <c r="G65" s="22"/>
      <c r="H65" s="10"/>
      <c r="I65" s="10"/>
      <c r="J65" s="10"/>
      <c r="K65" s="11"/>
    </row>
    <row r="66" spans="1:11" ht="21" customHeight="1" x14ac:dyDescent="0.15">
      <c r="A66" s="14" t="s">
        <v>147</v>
      </c>
      <c r="B66" s="65"/>
      <c r="C66" s="67" t="s">
        <v>150</v>
      </c>
      <c r="D66" s="132"/>
      <c r="E66" s="67" t="s">
        <v>206</v>
      </c>
      <c r="F66" s="68"/>
      <c r="G66" s="22"/>
      <c r="H66" s="10"/>
      <c r="I66" s="10"/>
      <c r="J66" s="10"/>
      <c r="K66" s="11"/>
    </row>
    <row r="67" spans="1:11" ht="21" customHeight="1" x14ac:dyDescent="0.15">
      <c r="A67" s="14" t="s">
        <v>310</v>
      </c>
      <c r="B67" s="65"/>
      <c r="C67" s="67" t="s">
        <v>298</v>
      </c>
      <c r="D67" s="132"/>
      <c r="E67" s="67" t="s">
        <v>207</v>
      </c>
      <c r="F67" s="68"/>
      <c r="G67" s="22"/>
      <c r="H67" s="10"/>
      <c r="I67" s="10"/>
      <c r="J67" s="10"/>
      <c r="K67" s="11"/>
    </row>
    <row r="68" spans="1:11" ht="12" customHeight="1" x14ac:dyDescent="0.15">
      <c r="A68" s="14" t="s">
        <v>311</v>
      </c>
      <c r="B68" s="106" t="s">
        <v>9</v>
      </c>
      <c r="C68" s="67" t="s">
        <v>6</v>
      </c>
      <c r="D68" s="73"/>
      <c r="E68" s="67" t="s">
        <v>107</v>
      </c>
      <c r="F68" s="68"/>
      <c r="G68" s="22"/>
      <c r="H68" s="10"/>
      <c r="I68" s="10"/>
      <c r="J68" s="10"/>
      <c r="K68" s="11"/>
    </row>
    <row r="69" spans="1:11" ht="12" customHeight="1" x14ac:dyDescent="0.15">
      <c r="A69" s="14" t="s">
        <v>312</v>
      </c>
      <c r="B69" s="107"/>
      <c r="C69" s="67"/>
      <c r="D69" s="73"/>
      <c r="E69" s="67" t="s">
        <v>108</v>
      </c>
      <c r="F69" s="68"/>
      <c r="G69" s="22"/>
      <c r="H69" s="10"/>
      <c r="I69" s="10"/>
      <c r="J69" s="10"/>
      <c r="K69" s="11"/>
    </row>
    <row r="70" spans="1:11" ht="21.75" customHeight="1" x14ac:dyDescent="0.15">
      <c r="A70" s="14" t="s">
        <v>313</v>
      </c>
      <c r="B70" s="107"/>
      <c r="C70" s="67"/>
      <c r="D70" s="73"/>
      <c r="E70" s="67" t="s">
        <v>109</v>
      </c>
      <c r="F70" s="68"/>
      <c r="G70" s="22"/>
      <c r="H70" s="10"/>
      <c r="I70" s="10"/>
      <c r="J70" s="10"/>
      <c r="K70" s="11"/>
    </row>
    <row r="71" spans="1:11" ht="12" customHeight="1" x14ac:dyDescent="0.15">
      <c r="A71" s="14" t="s">
        <v>314</v>
      </c>
      <c r="B71" s="107"/>
      <c r="C71" s="67" t="s">
        <v>341</v>
      </c>
      <c r="D71" s="73"/>
      <c r="E71" s="67" t="s">
        <v>208</v>
      </c>
      <c r="F71" s="68"/>
      <c r="G71" s="22"/>
      <c r="H71" s="10"/>
      <c r="I71" s="10"/>
      <c r="J71" s="10"/>
      <c r="K71" s="11"/>
    </row>
    <row r="72" spans="1:11" ht="12" customHeight="1" x14ac:dyDescent="0.15">
      <c r="A72" s="14" t="s">
        <v>315</v>
      </c>
      <c r="B72" s="107"/>
      <c r="C72" s="67"/>
      <c r="D72" s="73"/>
      <c r="E72" s="67" t="s">
        <v>105</v>
      </c>
      <c r="F72" s="68"/>
      <c r="G72" s="22"/>
      <c r="H72" s="10"/>
      <c r="I72" s="10"/>
      <c r="J72" s="10"/>
      <c r="K72" s="11"/>
    </row>
    <row r="73" spans="1:11" ht="21" customHeight="1" x14ac:dyDescent="0.15">
      <c r="A73" s="14" t="s">
        <v>316</v>
      </c>
      <c r="B73" s="108"/>
      <c r="C73" s="67"/>
      <c r="D73" s="73"/>
      <c r="E73" s="67" t="s">
        <v>205</v>
      </c>
      <c r="F73" s="68"/>
      <c r="G73" s="22"/>
      <c r="H73" s="10"/>
      <c r="I73" s="10"/>
      <c r="J73" s="10"/>
      <c r="K73" s="11"/>
    </row>
    <row r="74" spans="1:11" ht="12" customHeight="1" x14ac:dyDescent="0.15">
      <c r="A74" s="14" t="s">
        <v>317</v>
      </c>
      <c r="B74" s="106" t="s">
        <v>10</v>
      </c>
      <c r="C74" s="120" t="s">
        <v>299</v>
      </c>
      <c r="D74" s="128"/>
      <c r="E74" s="67" t="s">
        <v>209</v>
      </c>
      <c r="F74" s="68"/>
      <c r="G74" s="22"/>
      <c r="H74" s="10"/>
      <c r="I74" s="10"/>
      <c r="J74" s="10"/>
      <c r="K74" s="11"/>
    </row>
    <row r="75" spans="1:11" ht="11.25" customHeight="1" x14ac:dyDescent="0.15">
      <c r="A75" s="14" t="s">
        <v>318</v>
      </c>
      <c r="B75" s="133"/>
      <c r="C75" s="129"/>
      <c r="D75" s="131"/>
      <c r="E75" s="67" t="s">
        <v>210</v>
      </c>
      <c r="F75" s="68"/>
      <c r="G75" s="22"/>
      <c r="H75" s="10"/>
      <c r="I75" s="10"/>
      <c r="J75" s="10"/>
      <c r="K75" s="11"/>
    </row>
    <row r="76" spans="1:11" ht="21" customHeight="1" x14ac:dyDescent="0.15">
      <c r="A76" s="14" t="s">
        <v>319</v>
      </c>
      <c r="B76" s="134"/>
      <c r="C76" s="67" t="s">
        <v>296</v>
      </c>
      <c r="D76" s="132"/>
      <c r="E76" s="67" t="s">
        <v>297</v>
      </c>
      <c r="F76" s="68"/>
      <c r="G76" s="22"/>
      <c r="H76" s="10"/>
      <c r="I76" s="10"/>
      <c r="J76" s="10"/>
      <c r="K76" s="11"/>
    </row>
    <row r="77" spans="1:11" ht="11.25" customHeight="1" x14ac:dyDescent="0.15">
      <c r="A77" s="14" t="s">
        <v>320</v>
      </c>
      <c r="B77" s="95" t="s">
        <v>342</v>
      </c>
      <c r="C77" s="96"/>
      <c r="D77" s="97"/>
      <c r="E77" s="67" t="s">
        <v>343</v>
      </c>
      <c r="F77" s="68"/>
      <c r="G77" s="22"/>
      <c r="H77" s="10"/>
      <c r="I77" s="10"/>
      <c r="J77" s="10"/>
      <c r="K77" s="11"/>
    </row>
    <row r="78" spans="1:11" ht="21.75" customHeight="1" x14ac:dyDescent="0.15">
      <c r="A78" s="14" t="s">
        <v>321</v>
      </c>
      <c r="B78" s="137"/>
      <c r="C78" s="102"/>
      <c r="D78" s="103"/>
      <c r="E78" s="67" t="s">
        <v>344</v>
      </c>
      <c r="F78" s="68"/>
      <c r="G78" s="22"/>
      <c r="H78" s="10"/>
      <c r="I78" s="10"/>
      <c r="J78" s="10"/>
      <c r="K78" s="11"/>
    </row>
    <row r="79" spans="1:11" ht="23.25" customHeight="1" x14ac:dyDescent="0.15">
      <c r="A79" s="14" t="s">
        <v>322</v>
      </c>
      <c r="B79" s="137"/>
      <c r="C79" s="102"/>
      <c r="D79" s="103"/>
      <c r="E79" s="67" t="s">
        <v>211</v>
      </c>
      <c r="F79" s="68"/>
      <c r="G79" s="22"/>
      <c r="H79" s="10"/>
      <c r="I79" s="10"/>
      <c r="J79" s="10"/>
      <c r="K79" s="11"/>
    </row>
    <row r="80" spans="1:11" ht="12" customHeight="1" x14ac:dyDescent="0.15">
      <c r="A80" s="14" t="s">
        <v>300</v>
      </c>
      <c r="B80" s="137"/>
      <c r="C80" s="102"/>
      <c r="D80" s="103"/>
      <c r="E80" s="67" t="s">
        <v>345</v>
      </c>
      <c r="F80" s="68"/>
      <c r="G80" s="22"/>
      <c r="H80" s="10"/>
      <c r="I80" s="10"/>
      <c r="J80" s="10"/>
      <c r="K80" s="11"/>
    </row>
    <row r="81" spans="1:13" ht="12" customHeight="1" x14ac:dyDescent="0.15">
      <c r="A81" s="14" t="s">
        <v>301</v>
      </c>
      <c r="B81" s="137"/>
      <c r="C81" s="102"/>
      <c r="D81" s="103"/>
      <c r="E81" s="67" t="s">
        <v>346</v>
      </c>
      <c r="F81" s="68"/>
      <c r="G81" s="22"/>
      <c r="H81" s="10"/>
      <c r="I81" s="10"/>
      <c r="J81" s="10"/>
      <c r="K81" s="11"/>
    </row>
    <row r="82" spans="1:13" ht="12" customHeight="1" x14ac:dyDescent="0.15">
      <c r="A82" s="14" t="s">
        <v>302</v>
      </c>
      <c r="B82" s="137"/>
      <c r="C82" s="102"/>
      <c r="D82" s="103"/>
      <c r="E82" s="67" t="s">
        <v>347</v>
      </c>
      <c r="F82" s="68"/>
      <c r="G82" s="22"/>
      <c r="H82" s="10"/>
      <c r="I82" s="10"/>
      <c r="J82" s="10"/>
      <c r="K82" s="11"/>
    </row>
    <row r="83" spans="1:13" ht="12" customHeight="1" x14ac:dyDescent="0.15">
      <c r="A83" s="14" t="s">
        <v>303</v>
      </c>
      <c r="B83" s="137"/>
      <c r="C83" s="102"/>
      <c r="D83" s="103"/>
      <c r="E83" s="67" t="s">
        <v>348</v>
      </c>
      <c r="F83" s="68"/>
      <c r="G83" s="22"/>
      <c r="H83" s="10"/>
      <c r="I83" s="10"/>
      <c r="J83" s="10"/>
      <c r="K83" s="11"/>
    </row>
    <row r="84" spans="1:13" ht="12" customHeight="1" x14ac:dyDescent="0.15">
      <c r="A84" s="14" t="s">
        <v>304</v>
      </c>
      <c r="B84" s="98"/>
      <c r="C84" s="99"/>
      <c r="D84" s="100"/>
      <c r="E84" s="67" t="s">
        <v>349</v>
      </c>
      <c r="F84" s="68"/>
      <c r="G84" s="22"/>
      <c r="H84" s="10"/>
      <c r="I84" s="10"/>
      <c r="J84" s="10"/>
      <c r="K84" s="11"/>
    </row>
    <row r="85" spans="1:13" ht="12" customHeight="1" x14ac:dyDescent="0.15">
      <c r="A85" s="14" t="s">
        <v>335</v>
      </c>
      <c r="B85" s="95" t="s">
        <v>151</v>
      </c>
      <c r="C85" s="96"/>
      <c r="D85" s="97"/>
      <c r="E85" s="83" t="s">
        <v>213</v>
      </c>
      <c r="F85" s="73"/>
      <c r="G85" s="22"/>
      <c r="H85" s="10"/>
      <c r="I85" s="10"/>
      <c r="J85" s="10"/>
      <c r="K85" s="11"/>
    </row>
    <row r="86" spans="1:13" ht="23.25" customHeight="1" x14ac:dyDescent="0.15">
      <c r="A86" s="14" t="s">
        <v>336</v>
      </c>
      <c r="B86" s="98"/>
      <c r="C86" s="99"/>
      <c r="D86" s="100"/>
      <c r="E86" s="83" t="s">
        <v>350</v>
      </c>
      <c r="F86" s="84"/>
      <c r="G86" s="22"/>
      <c r="H86" s="10"/>
      <c r="I86" s="10"/>
      <c r="J86" s="10"/>
      <c r="K86" s="11"/>
    </row>
    <row r="87" spans="1:13" ht="23.25" customHeight="1" x14ac:dyDescent="0.15">
      <c r="A87" s="14" t="s">
        <v>337</v>
      </c>
      <c r="B87" s="120" t="s">
        <v>363</v>
      </c>
      <c r="C87" s="121"/>
      <c r="D87" s="122"/>
      <c r="E87" s="67" t="s">
        <v>364</v>
      </c>
      <c r="F87" s="73"/>
      <c r="G87" s="22"/>
      <c r="H87" s="10"/>
      <c r="I87" s="10"/>
      <c r="J87" s="10"/>
      <c r="K87" s="11"/>
    </row>
    <row r="88" spans="1:13" ht="23.25" customHeight="1" x14ac:dyDescent="0.15">
      <c r="A88" s="14" t="s">
        <v>338</v>
      </c>
      <c r="B88" s="123"/>
      <c r="C88" s="124"/>
      <c r="D88" s="125"/>
      <c r="E88" s="67" t="s">
        <v>365</v>
      </c>
      <c r="F88" s="73"/>
      <c r="G88" s="22"/>
      <c r="H88" s="10"/>
      <c r="I88" s="10"/>
      <c r="J88" s="10"/>
      <c r="K88" s="11"/>
    </row>
    <row r="89" spans="1:13" ht="12" customHeight="1" x14ac:dyDescent="0.15">
      <c r="A89" s="14" t="s">
        <v>323</v>
      </c>
      <c r="B89" s="95" t="s">
        <v>214</v>
      </c>
      <c r="C89" s="96"/>
      <c r="D89" s="97"/>
      <c r="E89" s="67" t="s">
        <v>215</v>
      </c>
      <c r="F89" s="105"/>
      <c r="G89" s="22"/>
      <c r="H89" s="10"/>
      <c r="I89" s="10"/>
      <c r="J89" s="10"/>
      <c r="K89" s="11"/>
    </row>
    <row r="90" spans="1:13" ht="12" customHeight="1" x14ac:dyDescent="0.15">
      <c r="A90" s="14" t="s">
        <v>324</v>
      </c>
      <c r="B90" s="101"/>
      <c r="C90" s="102"/>
      <c r="D90" s="103"/>
      <c r="E90" s="67" t="s">
        <v>216</v>
      </c>
      <c r="F90" s="105"/>
      <c r="G90" s="22"/>
      <c r="H90" s="10"/>
      <c r="I90" s="10"/>
      <c r="J90" s="10"/>
      <c r="K90" s="11"/>
    </row>
    <row r="91" spans="1:13" ht="12" customHeight="1" x14ac:dyDescent="0.15">
      <c r="A91" s="14" t="s">
        <v>325</v>
      </c>
      <c r="B91" s="101"/>
      <c r="C91" s="102"/>
      <c r="D91" s="103"/>
      <c r="E91" s="67" t="s">
        <v>217</v>
      </c>
      <c r="F91" s="105"/>
      <c r="G91" s="22"/>
      <c r="H91" s="10"/>
      <c r="I91" s="10"/>
      <c r="J91" s="10"/>
      <c r="K91" s="11"/>
    </row>
    <row r="92" spans="1:13" ht="12" customHeight="1" x14ac:dyDescent="0.15">
      <c r="A92" s="14" t="s">
        <v>326</v>
      </c>
      <c r="B92" s="101"/>
      <c r="C92" s="102"/>
      <c r="D92" s="103"/>
      <c r="E92" s="67" t="s">
        <v>137</v>
      </c>
      <c r="F92" s="105"/>
      <c r="G92" s="22"/>
      <c r="H92" s="10"/>
      <c r="I92" s="10"/>
      <c r="J92" s="10"/>
      <c r="K92" s="11"/>
    </row>
    <row r="93" spans="1:13" ht="12" customHeight="1" x14ac:dyDescent="0.15">
      <c r="A93" s="14" t="s">
        <v>327</v>
      </c>
      <c r="B93" s="101"/>
      <c r="C93" s="102"/>
      <c r="D93" s="103"/>
      <c r="E93" s="67" t="s">
        <v>138</v>
      </c>
      <c r="F93" s="105"/>
      <c r="G93" s="22"/>
      <c r="H93" s="10"/>
      <c r="I93" s="10"/>
      <c r="J93" s="10"/>
      <c r="K93" s="11"/>
    </row>
    <row r="94" spans="1:13" ht="12" customHeight="1" x14ac:dyDescent="0.15">
      <c r="A94" s="14" t="s">
        <v>139</v>
      </c>
      <c r="B94" s="104"/>
      <c r="C94" s="99"/>
      <c r="D94" s="100"/>
      <c r="E94" s="67" t="s">
        <v>218</v>
      </c>
      <c r="F94" s="105"/>
      <c r="G94" s="22"/>
      <c r="H94" s="10"/>
      <c r="I94" s="10"/>
      <c r="J94" s="10"/>
      <c r="K94" s="11"/>
    </row>
    <row r="95" spans="1:13" ht="44.25" customHeight="1" x14ac:dyDescent="0.15">
      <c r="A95" s="14" t="s">
        <v>140</v>
      </c>
      <c r="B95" s="95" t="s">
        <v>219</v>
      </c>
      <c r="C95" s="96"/>
      <c r="D95" s="97"/>
      <c r="E95" s="109" t="s">
        <v>220</v>
      </c>
      <c r="F95" s="146"/>
      <c r="G95" s="22"/>
      <c r="H95" s="10"/>
      <c r="I95" s="10"/>
      <c r="J95" s="10"/>
      <c r="K95" s="11"/>
    </row>
    <row r="96" spans="1:13" ht="11.25" customHeight="1" x14ac:dyDescent="0.15">
      <c r="A96" s="14" t="s">
        <v>339</v>
      </c>
      <c r="B96" s="101"/>
      <c r="C96" s="102"/>
      <c r="D96" s="103"/>
      <c r="E96" s="67" t="s">
        <v>221</v>
      </c>
      <c r="F96" s="68"/>
      <c r="G96" s="22"/>
      <c r="H96" s="10"/>
      <c r="I96" s="10"/>
      <c r="J96" s="10"/>
      <c r="K96" s="11"/>
      <c r="M96" s="55" t="s">
        <v>222</v>
      </c>
    </row>
    <row r="97" spans="1:13" ht="24" customHeight="1" x14ac:dyDescent="0.15">
      <c r="A97" s="14" t="s">
        <v>361</v>
      </c>
      <c r="B97" s="101"/>
      <c r="C97" s="102"/>
      <c r="D97" s="103"/>
      <c r="E97" s="67" t="s">
        <v>223</v>
      </c>
      <c r="F97" s="68"/>
      <c r="G97" s="22"/>
      <c r="H97" s="10"/>
      <c r="I97" s="10"/>
      <c r="J97" s="10"/>
      <c r="K97" s="11"/>
    </row>
    <row r="98" spans="1:13" ht="12" customHeight="1" thickBot="1" x14ac:dyDescent="0.2">
      <c r="A98" s="14" t="s">
        <v>362</v>
      </c>
      <c r="B98" s="104"/>
      <c r="C98" s="99"/>
      <c r="D98" s="100"/>
      <c r="E98" s="67" t="s">
        <v>224</v>
      </c>
      <c r="F98" s="68"/>
      <c r="G98" s="22"/>
      <c r="H98" s="10"/>
      <c r="I98" s="10"/>
      <c r="J98" s="10"/>
      <c r="K98" s="11"/>
      <c r="M98" s="55" t="s">
        <v>225</v>
      </c>
    </row>
    <row r="99" spans="1:13" ht="12" customHeight="1" x14ac:dyDescent="0.15">
      <c r="A99" s="39">
        <v>5</v>
      </c>
      <c r="B99" s="69" t="s">
        <v>41</v>
      </c>
      <c r="C99" s="70"/>
      <c r="D99" s="70"/>
      <c r="E99" s="70"/>
      <c r="F99" s="70"/>
      <c r="G99" s="70"/>
      <c r="H99" s="70"/>
      <c r="I99" s="70"/>
      <c r="J99" s="70"/>
      <c r="K99" s="71"/>
    </row>
    <row r="100" spans="1:13" ht="12" customHeight="1" x14ac:dyDescent="0.15">
      <c r="A100" s="44" t="s">
        <v>62</v>
      </c>
      <c r="B100" s="67" t="s">
        <v>226</v>
      </c>
      <c r="C100" s="147"/>
      <c r="D100" s="126"/>
      <c r="E100" s="83" t="s">
        <v>227</v>
      </c>
      <c r="F100" s="68"/>
      <c r="G100" s="22"/>
      <c r="H100" s="10"/>
      <c r="I100" s="10"/>
      <c r="J100" s="10"/>
      <c r="K100" s="11"/>
    </row>
    <row r="101" spans="1:13" ht="12" customHeight="1" x14ac:dyDescent="0.15">
      <c r="A101" s="14" t="s">
        <v>228</v>
      </c>
      <c r="B101" s="120" t="s">
        <v>42</v>
      </c>
      <c r="C101" s="127"/>
      <c r="D101" s="128"/>
      <c r="E101" s="67" t="s">
        <v>110</v>
      </c>
      <c r="F101" s="68"/>
      <c r="G101" s="22"/>
      <c r="H101" s="10"/>
      <c r="I101" s="10"/>
      <c r="J101" s="10"/>
      <c r="K101" s="11"/>
    </row>
    <row r="102" spans="1:13" ht="12" customHeight="1" x14ac:dyDescent="0.15">
      <c r="A102" s="14" t="s">
        <v>229</v>
      </c>
      <c r="B102" s="129"/>
      <c r="C102" s="130"/>
      <c r="D102" s="131"/>
      <c r="E102" s="83" t="s">
        <v>111</v>
      </c>
      <c r="F102" s="68"/>
      <c r="G102" s="22"/>
      <c r="H102" s="10"/>
      <c r="I102" s="10"/>
      <c r="J102" s="10"/>
      <c r="K102" s="11"/>
    </row>
    <row r="103" spans="1:13" ht="12" customHeight="1" x14ac:dyDescent="0.15">
      <c r="A103" s="14" t="s">
        <v>230</v>
      </c>
      <c r="B103" s="67" t="s">
        <v>141</v>
      </c>
      <c r="C103" s="72"/>
      <c r="D103" s="88"/>
      <c r="E103" s="83" t="s">
        <v>231</v>
      </c>
      <c r="F103" s="68"/>
      <c r="G103" s="22"/>
      <c r="H103" s="10"/>
      <c r="I103" s="10"/>
      <c r="J103" s="10"/>
      <c r="K103" s="11"/>
    </row>
    <row r="104" spans="1:13" ht="12" customHeight="1" x14ac:dyDescent="0.15">
      <c r="A104" s="44" t="s">
        <v>232</v>
      </c>
      <c r="B104" s="67"/>
      <c r="C104" s="72"/>
      <c r="D104" s="88"/>
      <c r="E104" s="67" t="s">
        <v>111</v>
      </c>
      <c r="F104" s="68"/>
      <c r="G104" s="22"/>
      <c r="H104" s="10"/>
      <c r="I104" s="10"/>
      <c r="J104" s="10"/>
      <c r="K104" s="11"/>
    </row>
    <row r="105" spans="1:13" ht="12" customHeight="1" x14ac:dyDescent="0.15">
      <c r="A105" s="44" t="s">
        <v>233</v>
      </c>
      <c r="B105" s="67" t="s">
        <v>11</v>
      </c>
      <c r="C105" s="72"/>
      <c r="D105" s="88"/>
      <c r="E105" s="83" t="s">
        <v>112</v>
      </c>
      <c r="F105" s="68"/>
      <c r="G105" s="22"/>
      <c r="H105" s="10"/>
      <c r="I105" s="10"/>
      <c r="J105" s="10"/>
      <c r="K105" s="11"/>
    </row>
    <row r="106" spans="1:13" ht="12" customHeight="1" x14ac:dyDescent="0.15">
      <c r="A106" s="44" t="s">
        <v>234</v>
      </c>
      <c r="B106" s="67" t="s">
        <v>31</v>
      </c>
      <c r="C106" s="72"/>
      <c r="D106" s="88"/>
      <c r="E106" s="83" t="s">
        <v>113</v>
      </c>
      <c r="F106" s="68"/>
      <c r="G106" s="22"/>
      <c r="H106" s="10"/>
      <c r="I106" s="10"/>
      <c r="J106" s="10"/>
      <c r="K106" s="11"/>
    </row>
    <row r="107" spans="1:13" ht="12" customHeight="1" x14ac:dyDescent="0.15">
      <c r="A107" s="44" t="s">
        <v>52</v>
      </c>
      <c r="B107" s="67"/>
      <c r="C107" s="72"/>
      <c r="D107" s="88"/>
      <c r="E107" s="83" t="s">
        <v>114</v>
      </c>
      <c r="F107" s="68"/>
      <c r="G107" s="22"/>
      <c r="H107" s="10"/>
      <c r="I107" s="10"/>
      <c r="J107" s="10"/>
      <c r="K107" s="11"/>
    </row>
    <row r="108" spans="1:13" ht="12" customHeight="1" x14ac:dyDescent="0.15">
      <c r="A108" s="44" t="s">
        <v>235</v>
      </c>
      <c r="B108" s="67"/>
      <c r="C108" s="72"/>
      <c r="D108" s="88"/>
      <c r="E108" s="83" t="s">
        <v>111</v>
      </c>
      <c r="F108" s="68"/>
      <c r="G108" s="22"/>
      <c r="H108" s="10"/>
      <c r="I108" s="10"/>
      <c r="J108" s="10"/>
      <c r="K108" s="11"/>
    </row>
    <row r="109" spans="1:13" ht="12" customHeight="1" x14ac:dyDescent="0.15">
      <c r="A109" s="44" t="s">
        <v>236</v>
      </c>
      <c r="B109" s="67"/>
      <c r="C109" s="72"/>
      <c r="D109" s="88"/>
      <c r="E109" s="83" t="s">
        <v>115</v>
      </c>
      <c r="F109" s="68"/>
      <c r="G109" s="22"/>
      <c r="H109" s="10"/>
      <c r="I109" s="10"/>
      <c r="J109" s="10"/>
      <c r="K109" s="11"/>
    </row>
    <row r="110" spans="1:13" ht="12" customHeight="1" x14ac:dyDescent="0.15">
      <c r="A110" s="44" t="s">
        <v>237</v>
      </c>
      <c r="B110" s="65" t="s">
        <v>12</v>
      </c>
      <c r="C110" s="67" t="s">
        <v>12</v>
      </c>
      <c r="D110" s="73"/>
      <c r="E110" s="83" t="s">
        <v>116</v>
      </c>
      <c r="F110" s="68"/>
      <c r="G110" s="22"/>
      <c r="H110" s="10"/>
      <c r="I110" s="10"/>
      <c r="J110" s="10"/>
      <c r="K110" s="11"/>
    </row>
    <row r="111" spans="1:13" ht="12" customHeight="1" x14ac:dyDescent="0.15">
      <c r="A111" s="44" t="s">
        <v>238</v>
      </c>
      <c r="B111" s="65"/>
      <c r="C111" s="67"/>
      <c r="D111" s="73"/>
      <c r="E111" s="83" t="s">
        <v>117</v>
      </c>
      <c r="F111" s="126"/>
      <c r="G111" s="22"/>
      <c r="H111" s="10"/>
      <c r="I111" s="10"/>
      <c r="J111" s="10"/>
      <c r="K111" s="11"/>
    </row>
    <row r="112" spans="1:13" ht="12" customHeight="1" x14ac:dyDescent="0.15">
      <c r="A112" s="44" t="s">
        <v>239</v>
      </c>
      <c r="B112" s="65"/>
      <c r="C112" s="67"/>
      <c r="D112" s="73"/>
      <c r="E112" s="83" t="s">
        <v>118</v>
      </c>
      <c r="F112" s="68"/>
      <c r="G112" s="22"/>
      <c r="H112" s="10"/>
      <c r="I112" s="10"/>
      <c r="J112" s="10"/>
      <c r="K112" s="11"/>
    </row>
    <row r="113" spans="1:11" ht="12" customHeight="1" x14ac:dyDescent="0.15">
      <c r="A113" s="44" t="s">
        <v>240</v>
      </c>
      <c r="B113" s="65"/>
      <c r="C113" s="67"/>
      <c r="D113" s="73"/>
      <c r="E113" s="83" t="s">
        <v>111</v>
      </c>
      <c r="F113" s="68"/>
      <c r="G113" s="22"/>
      <c r="H113" s="10"/>
      <c r="I113" s="10"/>
      <c r="J113" s="10"/>
      <c r="K113" s="11"/>
    </row>
    <row r="114" spans="1:11" ht="12" customHeight="1" x14ac:dyDescent="0.15">
      <c r="A114" s="44" t="s">
        <v>241</v>
      </c>
      <c r="B114" s="65"/>
      <c r="C114" s="67"/>
      <c r="D114" s="73"/>
      <c r="E114" s="109" t="s">
        <v>119</v>
      </c>
      <c r="F114" s="146"/>
      <c r="G114" s="43"/>
      <c r="H114" s="10"/>
      <c r="I114" s="10"/>
      <c r="J114" s="10"/>
      <c r="K114" s="11"/>
    </row>
    <row r="115" spans="1:11" ht="11.25" customHeight="1" x14ac:dyDescent="0.15">
      <c r="A115" s="44" t="s">
        <v>242</v>
      </c>
      <c r="B115" s="65"/>
      <c r="C115" s="67" t="s">
        <v>243</v>
      </c>
      <c r="D115" s="88"/>
      <c r="E115" s="83" t="s">
        <v>120</v>
      </c>
      <c r="F115" s="68"/>
      <c r="G115" s="22"/>
      <c r="H115" s="10"/>
      <c r="I115" s="10"/>
      <c r="J115" s="10"/>
      <c r="K115" s="11"/>
    </row>
    <row r="116" spans="1:11" ht="11.25" customHeight="1" x14ac:dyDescent="0.15">
      <c r="A116" s="44" t="s">
        <v>244</v>
      </c>
      <c r="B116" s="65"/>
      <c r="C116" s="120" t="s">
        <v>245</v>
      </c>
      <c r="D116" s="138"/>
      <c r="E116" s="83" t="s">
        <v>121</v>
      </c>
      <c r="F116" s="68"/>
      <c r="G116" s="22"/>
      <c r="H116" s="10"/>
      <c r="I116" s="10"/>
      <c r="J116" s="10"/>
      <c r="K116" s="11"/>
    </row>
    <row r="117" spans="1:11" ht="11.25" customHeight="1" x14ac:dyDescent="0.15">
      <c r="A117" s="44" t="s">
        <v>246</v>
      </c>
      <c r="B117" s="65"/>
      <c r="C117" s="139"/>
      <c r="D117" s="140"/>
      <c r="E117" s="83" t="s">
        <v>122</v>
      </c>
      <c r="F117" s="126"/>
      <c r="G117" s="22"/>
      <c r="H117" s="10"/>
      <c r="I117" s="10"/>
      <c r="J117" s="10"/>
      <c r="K117" s="11"/>
    </row>
    <row r="118" spans="1:11" ht="12" customHeight="1" x14ac:dyDescent="0.15">
      <c r="A118" s="44" t="s">
        <v>247</v>
      </c>
      <c r="B118" s="65"/>
      <c r="C118" s="67" t="s">
        <v>77</v>
      </c>
      <c r="D118" s="88"/>
      <c r="E118" s="83" t="s">
        <v>248</v>
      </c>
      <c r="F118" s="68"/>
      <c r="G118" s="22"/>
      <c r="H118" s="10"/>
      <c r="I118" s="10"/>
      <c r="J118" s="10"/>
      <c r="K118" s="11"/>
    </row>
    <row r="119" spans="1:11" ht="12" customHeight="1" x14ac:dyDescent="0.15">
      <c r="A119" s="44" t="s">
        <v>249</v>
      </c>
      <c r="B119" s="65"/>
      <c r="C119" s="89"/>
      <c r="D119" s="88"/>
      <c r="E119" s="83" t="s">
        <v>328</v>
      </c>
      <c r="F119" s="68"/>
      <c r="G119" s="22"/>
      <c r="H119" s="10"/>
      <c r="I119" s="10"/>
      <c r="J119" s="10"/>
      <c r="K119" s="11"/>
    </row>
    <row r="120" spans="1:11" ht="12" customHeight="1" x14ac:dyDescent="0.15">
      <c r="A120" s="40" t="s">
        <v>63</v>
      </c>
      <c r="B120" s="65"/>
      <c r="C120" s="89"/>
      <c r="D120" s="88"/>
      <c r="E120" s="83" t="s">
        <v>329</v>
      </c>
      <c r="F120" s="68"/>
      <c r="G120" s="22"/>
      <c r="H120" s="10"/>
      <c r="I120" s="10"/>
      <c r="J120" s="10"/>
      <c r="K120" s="11"/>
    </row>
    <row r="121" spans="1:11" ht="12" customHeight="1" x14ac:dyDescent="0.15">
      <c r="A121" s="40" t="s">
        <v>64</v>
      </c>
      <c r="B121" s="65"/>
      <c r="C121" s="89"/>
      <c r="D121" s="88"/>
      <c r="E121" s="83" t="s">
        <v>330</v>
      </c>
      <c r="F121" s="68"/>
      <c r="G121" s="22"/>
      <c r="H121" s="10"/>
      <c r="I121" s="10"/>
      <c r="J121" s="10"/>
      <c r="K121" s="11"/>
    </row>
    <row r="122" spans="1:11" ht="12" customHeight="1" x14ac:dyDescent="0.15">
      <c r="A122" s="40" t="s">
        <v>250</v>
      </c>
      <c r="B122" s="65"/>
      <c r="C122" s="89"/>
      <c r="D122" s="88"/>
      <c r="E122" s="83" t="s">
        <v>111</v>
      </c>
      <c r="F122" s="68"/>
      <c r="G122" s="22"/>
      <c r="H122" s="10"/>
      <c r="I122" s="10"/>
      <c r="J122" s="10"/>
      <c r="K122" s="11"/>
    </row>
    <row r="123" spans="1:11" ht="12" customHeight="1" x14ac:dyDescent="0.15">
      <c r="A123" s="40" t="s">
        <v>251</v>
      </c>
      <c r="B123" s="65" t="s">
        <v>13</v>
      </c>
      <c r="C123" s="67" t="s">
        <v>78</v>
      </c>
      <c r="D123" s="88"/>
      <c r="E123" s="83" t="s">
        <v>123</v>
      </c>
      <c r="F123" s="68"/>
      <c r="G123" s="22"/>
      <c r="H123" s="10"/>
      <c r="I123" s="10"/>
      <c r="J123" s="10"/>
      <c r="K123" s="11"/>
    </row>
    <row r="124" spans="1:11" ht="12" customHeight="1" x14ac:dyDescent="0.15">
      <c r="A124" s="40" t="s">
        <v>252</v>
      </c>
      <c r="B124" s="65"/>
      <c r="C124" s="89"/>
      <c r="D124" s="88"/>
      <c r="E124" s="67" t="s">
        <v>124</v>
      </c>
      <c r="F124" s="68"/>
      <c r="G124" s="22"/>
      <c r="H124" s="10"/>
      <c r="I124" s="10"/>
      <c r="J124" s="10"/>
      <c r="K124" s="11"/>
    </row>
    <row r="125" spans="1:11" ht="12" customHeight="1" x14ac:dyDescent="0.15">
      <c r="A125" s="40" t="s">
        <v>253</v>
      </c>
      <c r="B125" s="65"/>
      <c r="C125" s="89"/>
      <c r="D125" s="88"/>
      <c r="E125" s="87" t="s">
        <v>125</v>
      </c>
      <c r="F125" s="68"/>
      <c r="G125" s="22"/>
      <c r="H125" s="10"/>
      <c r="I125" s="10"/>
      <c r="J125" s="10"/>
      <c r="K125" s="11"/>
    </row>
    <row r="126" spans="1:11" ht="12" customHeight="1" x14ac:dyDescent="0.15">
      <c r="A126" s="40" t="s">
        <v>254</v>
      </c>
      <c r="B126" s="65"/>
      <c r="C126" s="67" t="s">
        <v>79</v>
      </c>
      <c r="D126" s="88"/>
      <c r="E126" s="136" t="s">
        <v>126</v>
      </c>
      <c r="F126" s="68"/>
      <c r="G126" s="22"/>
      <c r="H126" s="10"/>
      <c r="I126" s="10"/>
      <c r="J126" s="10"/>
      <c r="K126" s="11"/>
    </row>
    <row r="127" spans="1:11" ht="12" customHeight="1" x14ac:dyDescent="0.15">
      <c r="A127" s="40" t="s">
        <v>255</v>
      </c>
      <c r="B127" s="65"/>
      <c r="C127" s="67"/>
      <c r="D127" s="88"/>
      <c r="E127" s="136" t="s">
        <v>127</v>
      </c>
      <c r="F127" s="68"/>
      <c r="G127" s="22"/>
      <c r="H127" s="10"/>
      <c r="I127" s="10"/>
      <c r="J127" s="10"/>
      <c r="K127" s="11"/>
    </row>
    <row r="128" spans="1:11" ht="12" customHeight="1" x14ac:dyDescent="0.15">
      <c r="A128" s="40" t="s">
        <v>256</v>
      </c>
      <c r="B128" s="65"/>
      <c r="C128" s="67"/>
      <c r="D128" s="88"/>
      <c r="E128" s="86" t="s">
        <v>257</v>
      </c>
      <c r="F128" s="68"/>
      <c r="G128" s="22"/>
      <c r="H128" s="10"/>
      <c r="I128" s="10"/>
      <c r="J128" s="10"/>
      <c r="K128" s="11"/>
    </row>
    <row r="129" spans="1:11" ht="12" customHeight="1" x14ac:dyDescent="0.15">
      <c r="A129" s="40" t="s">
        <v>258</v>
      </c>
      <c r="B129" s="65" t="s">
        <v>259</v>
      </c>
      <c r="C129" s="67" t="s">
        <v>260</v>
      </c>
      <c r="D129" s="88"/>
      <c r="E129" s="83" t="s">
        <v>261</v>
      </c>
      <c r="F129" s="68"/>
      <c r="G129" s="22"/>
      <c r="H129" s="10"/>
      <c r="I129" s="10"/>
      <c r="J129" s="10"/>
      <c r="K129" s="11"/>
    </row>
    <row r="130" spans="1:11" ht="12" customHeight="1" x14ac:dyDescent="0.15">
      <c r="A130" s="40" t="s">
        <v>262</v>
      </c>
      <c r="B130" s="65"/>
      <c r="C130" s="89"/>
      <c r="D130" s="88"/>
      <c r="E130" s="67" t="s">
        <v>263</v>
      </c>
      <c r="F130" s="68"/>
      <c r="G130" s="22"/>
      <c r="H130" s="10"/>
      <c r="I130" s="10"/>
      <c r="J130" s="10"/>
      <c r="K130" s="11"/>
    </row>
    <row r="131" spans="1:11" ht="12" customHeight="1" x14ac:dyDescent="0.15">
      <c r="A131" s="40" t="s">
        <v>264</v>
      </c>
      <c r="B131" s="66"/>
      <c r="C131" s="67" t="s">
        <v>265</v>
      </c>
      <c r="D131" s="88"/>
      <c r="E131" s="83" t="s">
        <v>334</v>
      </c>
      <c r="F131" s="68"/>
      <c r="G131" s="22"/>
      <c r="H131" s="10"/>
      <c r="I131" s="10"/>
      <c r="J131" s="10"/>
      <c r="K131" s="11"/>
    </row>
    <row r="132" spans="1:11" ht="12" customHeight="1" x14ac:dyDescent="0.15">
      <c r="A132" s="40" t="s">
        <v>266</v>
      </c>
      <c r="B132" s="66"/>
      <c r="C132" s="89"/>
      <c r="D132" s="88"/>
      <c r="E132" s="67" t="s">
        <v>331</v>
      </c>
      <c r="F132" s="68"/>
      <c r="G132" s="22"/>
      <c r="H132" s="10"/>
      <c r="I132" s="10"/>
      <c r="J132" s="10"/>
      <c r="K132" s="11"/>
    </row>
    <row r="133" spans="1:11" ht="12" customHeight="1" x14ac:dyDescent="0.15">
      <c r="A133" s="40" t="s">
        <v>267</v>
      </c>
      <c r="B133" s="66"/>
      <c r="C133" s="89"/>
      <c r="D133" s="88"/>
      <c r="E133" s="67" t="s">
        <v>332</v>
      </c>
      <c r="F133" s="68"/>
      <c r="G133" s="22"/>
      <c r="H133" s="10"/>
      <c r="I133" s="10"/>
      <c r="J133" s="10"/>
      <c r="K133" s="11"/>
    </row>
    <row r="134" spans="1:11" ht="23.25" customHeight="1" x14ac:dyDescent="0.15">
      <c r="A134" s="40" t="s">
        <v>212</v>
      </c>
      <c r="B134" s="66"/>
      <c r="C134" s="89"/>
      <c r="D134" s="88"/>
      <c r="E134" s="83" t="s">
        <v>268</v>
      </c>
      <c r="F134" s="68"/>
      <c r="G134" s="22"/>
      <c r="H134" s="10"/>
      <c r="I134" s="10"/>
      <c r="J134" s="10"/>
      <c r="K134" s="11"/>
    </row>
    <row r="135" spans="1:11" ht="12" customHeight="1" x14ac:dyDescent="0.15">
      <c r="A135" s="40" t="s">
        <v>269</v>
      </c>
      <c r="B135" s="66"/>
      <c r="C135" s="89"/>
      <c r="D135" s="88"/>
      <c r="E135" s="67" t="s">
        <v>270</v>
      </c>
      <c r="F135" s="68"/>
      <c r="G135" s="22"/>
      <c r="H135" s="10"/>
      <c r="I135" s="10"/>
      <c r="J135" s="10"/>
      <c r="K135" s="11"/>
    </row>
    <row r="136" spans="1:11" ht="12" customHeight="1" x14ac:dyDescent="0.15">
      <c r="A136" s="40" t="s">
        <v>43</v>
      </c>
      <c r="B136" s="66"/>
      <c r="C136" s="89"/>
      <c r="D136" s="88"/>
      <c r="E136" s="67" t="s">
        <v>128</v>
      </c>
      <c r="F136" s="68"/>
      <c r="G136" s="22"/>
      <c r="H136" s="10"/>
      <c r="I136" s="10"/>
      <c r="J136" s="10"/>
      <c r="K136" s="11"/>
    </row>
    <row r="137" spans="1:11" ht="12" customHeight="1" x14ac:dyDescent="0.15">
      <c r="A137" s="40" t="s">
        <v>271</v>
      </c>
      <c r="B137" s="66"/>
      <c r="C137" s="67" t="s">
        <v>272</v>
      </c>
      <c r="D137" s="88"/>
      <c r="E137" s="67" t="s">
        <v>273</v>
      </c>
      <c r="F137" s="68"/>
      <c r="G137" s="22"/>
      <c r="H137" s="10"/>
      <c r="I137" s="10"/>
      <c r="J137" s="10"/>
      <c r="K137" s="11"/>
    </row>
    <row r="138" spans="1:11" ht="12" customHeight="1" x14ac:dyDescent="0.15">
      <c r="A138" s="40" t="s">
        <v>44</v>
      </c>
      <c r="B138" s="66"/>
      <c r="C138" s="89"/>
      <c r="D138" s="88"/>
      <c r="E138" s="67" t="s">
        <v>129</v>
      </c>
      <c r="F138" s="68"/>
      <c r="G138" s="22"/>
      <c r="H138" s="10"/>
      <c r="I138" s="10"/>
      <c r="J138" s="10"/>
      <c r="K138" s="11"/>
    </row>
    <row r="139" spans="1:11" ht="12.75" customHeight="1" thickBot="1" x14ac:dyDescent="0.2">
      <c r="A139" s="54" t="s">
        <v>274</v>
      </c>
      <c r="B139" s="115"/>
      <c r="C139" s="145"/>
      <c r="D139" s="135"/>
      <c r="E139" s="110" t="s">
        <v>130</v>
      </c>
      <c r="F139" s="111"/>
      <c r="G139" s="23"/>
      <c r="H139" s="12"/>
      <c r="I139" s="12"/>
      <c r="J139" s="12"/>
      <c r="K139" s="13"/>
    </row>
    <row r="140" spans="1:11" ht="12" customHeight="1" x14ac:dyDescent="0.15">
      <c r="A140" s="39">
        <v>6</v>
      </c>
      <c r="B140" s="69" t="s">
        <v>14</v>
      </c>
      <c r="C140" s="70"/>
      <c r="D140" s="70"/>
      <c r="E140" s="70"/>
      <c r="F140" s="70"/>
      <c r="G140" s="70"/>
      <c r="H140" s="70"/>
      <c r="I140" s="70"/>
      <c r="J140" s="70"/>
      <c r="K140" s="71"/>
    </row>
    <row r="141" spans="1:11" ht="12" customHeight="1" x14ac:dyDescent="0.15">
      <c r="A141" s="26" t="s">
        <v>275</v>
      </c>
      <c r="B141" s="65" t="s">
        <v>18</v>
      </c>
      <c r="C141" s="109" t="s">
        <v>136</v>
      </c>
      <c r="D141" s="88"/>
      <c r="E141" s="83" t="s">
        <v>131</v>
      </c>
      <c r="F141" s="68"/>
      <c r="G141" s="22"/>
      <c r="H141" s="10"/>
      <c r="I141" s="10"/>
      <c r="J141" s="10"/>
      <c r="K141" s="11"/>
    </row>
    <row r="142" spans="1:11" ht="12" customHeight="1" x14ac:dyDescent="0.15">
      <c r="A142" s="26" t="s">
        <v>276</v>
      </c>
      <c r="B142" s="65"/>
      <c r="C142" s="109"/>
      <c r="D142" s="88"/>
      <c r="E142" s="83" t="s">
        <v>277</v>
      </c>
      <c r="F142" s="68"/>
      <c r="G142" s="22"/>
      <c r="H142" s="10"/>
      <c r="I142" s="10"/>
      <c r="J142" s="10"/>
      <c r="K142" s="11"/>
    </row>
    <row r="143" spans="1:11" ht="21" customHeight="1" x14ac:dyDescent="0.15">
      <c r="A143" s="26" t="s">
        <v>65</v>
      </c>
      <c r="B143" s="66"/>
      <c r="C143" s="67" t="s">
        <v>278</v>
      </c>
      <c r="D143" s="88"/>
      <c r="E143" s="109" t="s">
        <v>132</v>
      </c>
      <c r="F143" s="68"/>
      <c r="G143" s="22"/>
      <c r="H143" s="10"/>
      <c r="I143" s="10"/>
      <c r="J143" s="10"/>
      <c r="K143" s="11"/>
    </row>
    <row r="144" spans="1:11" ht="12" customHeight="1" x14ac:dyDescent="0.15">
      <c r="A144" s="26" t="s">
        <v>279</v>
      </c>
      <c r="B144" s="66"/>
      <c r="C144" s="67"/>
      <c r="D144" s="88"/>
      <c r="E144" s="109" t="s">
        <v>280</v>
      </c>
      <c r="F144" s="68"/>
      <c r="G144" s="22"/>
      <c r="H144" s="10"/>
      <c r="I144" s="10"/>
      <c r="J144" s="10"/>
      <c r="K144" s="11"/>
    </row>
    <row r="145" spans="1:11" ht="11.25" customHeight="1" x14ac:dyDescent="0.15">
      <c r="A145" s="40" t="s">
        <v>281</v>
      </c>
      <c r="B145" s="67" t="s">
        <v>80</v>
      </c>
      <c r="C145" s="72"/>
      <c r="D145" s="88"/>
      <c r="E145" s="83" t="s">
        <v>133</v>
      </c>
      <c r="F145" s="68"/>
      <c r="G145" s="22"/>
      <c r="H145" s="10"/>
      <c r="I145" s="10"/>
      <c r="J145" s="10"/>
      <c r="K145" s="11"/>
    </row>
    <row r="146" spans="1:11" ht="11.25" customHeight="1" x14ac:dyDescent="0.15">
      <c r="A146" s="40" t="s">
        <v>282</v>
      </c>
      <c r="B146" s="142" t="s">
        <v>15</v>
      </c>
      <c r="C146" s="67" t="s">
        <v>283</v>
      </c>
      <c r="D146" s="88"/>
      <c r="E146" s="83" t="s">
        <v>284</v>
      </c>
      <c r="F146" s="68"/>
      <c r="G146" s="22"/>
      <c r="H146" s="10"/>
      <c r="I146" s="10"/>
      <c r="J146" s="10"/>
      <c r="K146" s="11"/>
    </row>
    <row r="147" spans="1:11" ht="12" customHeight="1" x14ac:dyDescent="0.15">
      <c r="A147" s="40" t="s">
        <v>285</v>
      </c>
      <c r="B147" s="143"/>
      <c r="C147" s="89"/>
      <c r="D147" s="88"/>
      <c r="E147" s="83" t="s">
        <v>134</v>
      </c>
      <c r="F147" s="68"/>
      <c r="G147" s="22"/>
      <c r="H147" s="10"/>
      <c r="I147" s="10"/>
      <c r="J147" s="10"/>
      <c r="K147" s="11"/>
    </row>
    <row r="148" spans="1:11" ht="12" customHeight="1" x14ac:dyDescent="0.15">
      <c r="A148" s="40" t="s">
        <v>59</v>
      </c>
      <c r="B148" s="143"/>
      <c r="C148" s="67" t="s">
        <v>286</v>
      </c>
      <c r="D148" s="88"/>
      <c r="E148" s="87" t="s">
        <v>135</v>
      </c>
      <c r="F148" s="68"/>
      <c r="G148" s="22"/>
      <c r="H148" s="10"/>
      <c r="I148" s="10"/>
      <c r="J148" s="10"/>
      <c r="K148" s="11"/>
    </row>
    <row r="149" spans="1:11" ht="12" customHeight="1" thickBot="1" x14ac:dyDescent="0.2">
      <c r="A149" s="41" t="s">
        <v>235</v>
      </c>
      <c r="B149" s="144"/>
      <c r="C149" s="145"/>
      <c r="D149" s="135"/>
      <c r="E149" s="141" t="s">
        <v>134</v>
      </c>
      <c r="F149" s="111"/>
      <c r="G149" s="23"/>
      <c r="H149" s="12"/>
      <c r="I149" s="12"/>
      <c r="J149" s="12"/>
      <c r="K149" s="13"/>
    </row>
    <row r="150" spans="1:11" ht="11.25" customHeight="1" x14ac:dyDescent="0.15">
      <c r="A150" s="46">
        <v>7</v>
      </c>
      <c r="B150" s="62" t="s">
        <v>20</v>
      </c>
      <c r="C150" s="63"/>
      <c r="D150" s="63"/>
      <c r="E150" s="63"/>
      <c r="F150" s="63"/>
      <c r="G150" s="63"/>
      <c r="H150" s="63"/>
      <c r="I150" s="63"/>
      <c r="J150" s="63"/>
      <c r="K150" s="64"/>
    </row>
    <row r="151" spans="1:11" ht="12" customHeight="1" x14ac:dyDescent="0.15">
      <c r="A151" s="26"/>
      <c r="B151" s="27"/>
      <c r="C151" s="3"/>
      <c r="D151" s="3"/>
      <c r="E151" s="45"/>
      <c r="F151" s="21"/>
      <c r="G151" s="22"/>
      <c r="H151" s="10"/>
      <c r="I151" s="10"/>
      <c r="J151" s="10"/>
      <c r="K151" s="11"/>
    </row>
    <row r="152" spans="1:11" ht="12" customHeight="1" x14ac:dyDescent="0.15">
      <c r="A152" s="26"/>
      <c r="B152" s="27"/>
      <c r="C152" s="3"/>
      <c r="D152" s="3"/>
      <c r="E152" s="45"/>
      <c r="F152" s="21"/>
      <c r="G152" s="22"/>
      <c r="H152" s="10"/>
      <c r="I152" s="10"/>
      <c r="J152" s="10"/>
      <c r="K152" s="11"/>
    </row>
    <row r="153" spans="1:11" ht="12" customHeight="1" thickBot="1" x14ac:dyDescent="0.2">
      <c r="A153" s="41"/>
      <c r="B153" s="28"/>
      <c r="C153" s="6"/>
      <c r="D153" s="6"/>
      <c r="E153" s="47"/>
      <c r="F153" s="29"/>
      <c r="G153" s="23"/>
      <c r="H153" s="12"/>
      <c r="I153" s="12"/>
      <c r="J153" s="12"/>
      <c r="K153" s="13"/>
    </row>
    <row r="154" spans="1:11" ht="12" customHeight="1" x14ac:dyDescent="0.15">
      <c r="A154" s="74" t="s">
        <v>356</v>
      </c>
      <c r="B154" s="75"/>
      <c r="C154" s="75"/>
      <c r="D154" s="75"/>
      <c r="E154" s="57"/>
      <c r="H154" s="58"/>
      <c r="I154" s="58"/>
      <c r="J154" s="58"/>
      <c r="K154" s="59"/>
    </row>
    <row r="155" spans="1:11" ht="12" customHeight="1" x14ac:dyDescent="0.15">
      <c r="A155" s="76" t="s">
        <v>357</v>
      </c>
      <c r="B155" s="77"/>
      <c r="C155" s="77"/>
      <c r="D155" s="77"/>
      <c r="E155" s="77"/>
      <c r="F155" s="77"/>
      <c r="G155" s="77"/>
      <c r="H155" s="77"/>
      <c r="I155" s="77"/>
      <c r="J155" s="77"/>
      <c r="K155" s="78"/>
    </row>
    <row r="156" spans="1:11" ht="12" customHeight="1" thickBot="1" x14ac:dyDescent="0.2">
      <c r="A156" s="79" t="s">
        <v>358</v>
      </c>
      <c r="B156" s="80"/>
      <c r="C156" s="80"/>
      <c r="D156" s="80"/>
      <c r="E156" s="80"/>
      <c r="F156" s="80"/>
      <c r="G156" s="80"/>
      <c r="H156" s="80"/>
      <c r="I156" s="80"/>
      <c r="J156" s="80"/>
      <c r="K156" s="81"/>
    </row>
    <row r="157" spans="1:11" ht="12" customHeight="1" x14ac:dyDescent="0.15">
      <c r="A157" s="60" t="s">
        <v>2</v>
      </c>
      <c r="B157" s="61"/>
      <c r="C157" s="61"/>
      <c r="D157" s="61"/>
      <c r="E157" s="5"/>
      <c r="F157" s="5"/>
      <c r="G157" s="5"/>
      <c r="H157" s="5"/>
      <c r="I157" s="5"/>
      <c r="J157" s="5"/>
      <c r="K157" s="24"/>
    </row>
    <row r="158" spans="1:11" ht="21" customHeight="1" x14ac:dyDescent="0.15">
      <c r="A158" s="31" t="s">
        <v>3</v>
      </c>
      <c r="B158" s="112" t="s">
        <v>27</v>
      </c>
      <c r="C158" s="113"/>
      <c r="D158" s="112" t="s">
        <v>22</v>
      </c>
      <c r="E158" s="113"/>
      <c r="F158" s="112" t="s">
        <v>21</v>
      </c>
      <c r="G158" s="114"/>
      <c r="H158" s="114"/>
      <c r="I158" s="114"/>
      <c r="J158" s="113"/>
      <c r="K158" s="9" t="s">
        <v>0</v>
      </c>
    </row>
    <row r="159" spans="1:11" ht="21" customHeight="1" x14ac:dyDescent="0.15">
      <c r="A159" s="31"/>
      <c r="B159" s="32"/>
      <c r="C159" s="18"/>
      <c r="D159" s="2"/>
      <c r="E159" s="18"/>
      <c r="F159" s="2"/>
      <c r="G159" s="17"/>
      <c r="H159" s="17"/>
      <c r="I159" s="17"/>
      <c r="J159" s="3"/>
      <c r="K159" s="9"/>
    </row>
    <row r="160" spans="1:11" ht="21" customHeight="1" x14ac:dyDescent="0.15">
      <c r="A160" s="31"/>
      <c r="B160" s="32"/>
      <c r="C160" s="18"/>
      <c r="D160" s="2"/>
      <c r="E160" s="18"/>
      <c r="F160" s="2"/>
      <c r="G160" s="17"/>
      <c r="H160" s="17"/>
      <c r="I160" s="17"/>
      <c r="J160" s="3"/>
      <c r="K160" s="9"/>
    </row>
    <row r="161" spans="1:11" ht="19.5" customHeight="1" x14ac:dyDescent="0.15">
      <c r="A161" s="31"/>
      <c r="B161" s="32"/>
      <c r="C161" s="35"/>
      <c r="D161" s="19"/>
      <c r="E161" s="35"/>
      <c r="F161" s="19"/>
      <c r="G161" s="20"/>
      <c r="H161" s="17"/>
      <c r="I161" s="17"/>
      <c r="J161" s="3"/>
      <c r="K161" s="7"/>
    </row>
    <row r="162" spans="1:11" ht="19.5" customHeight="1" x14ac:dyDescent="0.15">
      <c r="A162" s="31"/>
      <c r="B162" s="32"/>
      <c r="C162" s="35"/>
      <c r="D162" s="19"/>
      <c r="E162" s="35"/>
      <c r="F162" s="19"/>
      <c r="G162" s="20"/>
      <c r="H162" s="17"/>
      <c r="I162" s="17"/>
      <c r="J162" s="3"/>
      <c r="K162" s="7"/>
    </row>
    <row r="163" spans="1:11" ht="19.5" customHeight="1" thickBot="1" x14ac:dyDescent="0.2">
      <c r="A163" s="33"/>
      <c r="B163" s="34"/>
      <c r="C163" s="36"/>
      <c r="D163" s="15"/>
      <c r="E163" s="36"/>
      <c r="F163" s="15"/>
      <c r="G163" s="16"/>
      <c r="H163" s="30"/>
      <c r="I163" s="30"/>
      <c r="J163" s="6"/>
      <c r="K163" s="8"/>
    </row>
    <row r="165" spans="1:11" ht="11.25" customHeight="1" x14ac:dyDescent="0.15">
      <c r="A165" s="82" t="s">
        <v>23</v>
      </c>
      <c r="B165" s="85"/>
      <c r="C165" s="85"/>
      <c r="D165" s="85"/>
      <c r="E165" s="85"/>
      <c r="F165" s="85"/>
      <c r="G165" s="85"/>
      <c r="H165" s="85"/>
      <c r="I165" s="85"/>
      <c r="J165" s="85"/>
      <c r="K165" s="85"/>
    </row>
    <row r="166" spans="1:11" x14ac:dyDescent="0.15">
      <c r="A166" s="38" t="s">
        <v>66</v>
      </c>
      <c r="B166" s="82" t="s">
        <v>25</v>
      </c>
      <c r="C166" s="82"/>
      <c r="D166" s="82"/>
      <c r="E166" s="82"/>
      <c r="F166" s="82"/>
      <c r="G166" s="82"/>
      <c r="H166" s="82"/>
      <c r="I166" s="82"/>
      <c r="J166" s="82"/>
      <c r="K166" s="82"/>
    </row>
    <row r="167" spans="1:11" x14ac:dyDescent="0.15">
      <c r="A167" s="38" t="s">
        <v>67</v>
      </c>
      <c r="B167" s="82" t="s">
        <v>24</v>
      </c>
      <c r="C167" s="82"/>
      <c r="D167" s="82"/>
      <c r="E167" s="82"/>
      <c r="F167" s="82"/>
      <c r="G167" s="82"/>
      <c r="H167" s="82"/>
      <c r="I167" s="82"/>
      <c r="J167" s="82"/>
      <c r="K167" s="82"/>
    </row>
    <row r="168" spans="1:11" ht="31.5" customHeight="1" x14ac:dyDescent="0.15">
      <c r="A168" s="38" t="s">
        <v>68</v>
      </c>
      <c r="B168" s="82" t="s">
        <v>333</v>
      </c>
      <c r="C168" s="82"/>
      <c r="D168" s="82"/>
      <c r="E168" s="82"/>
      <c r="F168" s="82"/>
      <c r="G168" s="82"/>
      <c r="H168" s="82"/>
      <c r="I168" s="82"/>
      <c r="J168" s="82"/>
      <c r="K168" s="82"/>
    </row>
    <row r="169" spans="1:11" x14ac:dyDescent="0.15">
      <c r="A169" s="38" t="s">
        <v>69</v>
      </c>
      <c r="B169" s="82" t="s">
        <v>287</v>
      </c>
      <c r="C169" s="82"/>
      <c r="D169" s="82"/>
      <c r="E169" s="82"/>
      <c r="F169" s="82"/>
      <c r="G169" s="82"/>
      <c r="H169" s="82"/>
      <c r="I169" s="82"/>
      <c r="J169" s="82"/>
      <c r="K169" s="82"/>
    </row>
    <row r="170" spans="1:11" x14ac:dyDescent="0.15">
      <c r="A170" s="38" t="s">
        <v>70</v>
      </c>
      <c r="B170" s="82" t="s">
        <v>366</v>
      </c>
      <c r="C170" s="82"/>
      <c r="D170" s="82"/>
      <c r="E170" s="82"/>
      <c r="F170" s="82"/>
      <c r="G170" s="82"/>
      <c r="H170" s="82"/>
      <c r="I170" s="82"/>
      <c r="J170" s="82"/>
      <c r="K170" s="82"/>
    </row>
    <row r="171" spans="1:11" ht="21" customHeight="1" x14ac:dyDescent="0.15">
      <c r="A171" s="38" t="s">
        <v>71</v>
      </c>
      <c r="B171" s="82" t="s">
        <v>367</v>
      </c>
      <c r="C171" s="82"/>
      <c r="D171" s="82"/>
      <c r="E171" s="82"/>
      <c r="F171" s="82"/>
      <c r="G171" s="82"/>
      <c r="H171" s="82"/>
      <c r="I171" s="82"/>
      <c r="J171" s="82"/>
      <c r="K171" s="82"/>
    </row>
    <row r="172" spans="1:11" ht="11.25" customHeight="1" x14ac:dyDescent="0.15">
      <c r="A172" s="38" t="s">
        <v>72</v>
      </c>
      <c r="B172" s="82" t="s">
        <v>288</v>
      </c>
      <c r="C172" s="82"/>
      <c r="D172" s="82"/>
      <c r="E172" s="82"/>
      <c r="F172" s="82"/>
      <c r="G172" s="82"/>
      <c r="H172" s="82"/>
      <c r="I172" s="82"/>
      <c r="J172" s="82"/>
      <c r="K172" s="82"/>
    </row>
    <row r="173" spans="1:11" ht="21.75" customHeight="1" x14ac:dyDescent="0.15">
      <c r="A173" s="38" t="s">
        <v>289</v>
      </c>
      <c r="B173" s="82" t="s">
        <v>73</v>
      </c>
      <c r="C173" s="82"/>
      <c r="D173" s="82"/>
      <c r="E173" s="82"/>
      <c r="F173" s="82"/>
      <c r="G173" s="82"/>
      <c r="H173" s="82"/>
      <c r="I173" s="82"/>
      <c r="J173" s="82"/>
      <c r="K173" s="82"/>
    </row>
    <row r="174" spans="1:11" ht="21.75" customHeight="1" x14ac:dyDescent="0.15">
      <c r="A174" s="38" t="s">
        <v>74</v>
      </c>
      <c r="B174" s="82" t="s">
        <v>290</v>
      </c>
      <c r="C174" s="82"/>
      <c r="D174" s="82"/>
      <c r="E174" s="82"/>
      <c r="F174" s="82"/>
      <c r="G174" s="82"/>
      <c r="H174" s="82"/>
      <c r="I174" s="82"/>
      <c r="J174" s="82"/>
      <c r="K174" s="82"/>
    </row>
    <row r="175" spans="1:11" ht="21" customHeight="1" x14ac:dyDescent="0.15">
      <c r="A175" s="38" t="s">
        <v>291</v>
      </c>
      <c r="B175" s="82" t="s">
        <v>368</v>
      </c>
      <c r="C175" s="82"/>
      <c r="D175" s="82"/>
      <c r="E175" s="82"/>
      <c r="F175" s="82"/>
      <c r="G175" s="82"/>
      <c r="H175" s="82"/>
      <c r="I175" s="82"/>
      <c r="J175" s="82"/>
      <c r="K175" s="82"/>
    </row>
    <row r="176" spans="1:11" ht="21" customHeight="1" x14ac:dyDescent="0.15">
      <c r="A176" s="38" t="s">
        <v>292</v>
      </c>
      <c r="B176" s="82" t="s">
        <v>360</v>
      </c>
      <c r="C176" s="82"/>
      <c r="D176" s="82"/>
      <c r="E176" s="82"/>
      <c r="F176" s="82"/>
      <c r="G176" s="82"/>
      <c r="H176" s="82"/>
      <c r="I176" s="82"/>
      <c r="J176" s="82"/>
      <c r="K176" s="82"/>
    </row>
    <row r="177" spans="1:11" ht="43.5" customHeight="1" x14ac:dyDescent="0.15">
      <c r="A177" s="38" t="s">
        <v>294</v>
      </c>
      <c r="B177" s="82" t="s">
        <v>293</v>
      </c>
      <c r="C177" s="82"/>
      <c r="D177" s="82"/>
      <c r="E177" s="82"/>
      <c r="F177" s="82"/>
      <c r="G177" s="82"/>
      <c r="H177" s="82"/>
      <c r="I177" s="82"/>
      <c r="J177" s="82"/>
      <c r="K177" s="82"/>
    </row>
    <row r="178" spans="1:11" ht="11.25" customHeight="1" x14ac:dyDescent="0.15">
      <c r="A178" s="38" t="s">
        <v>295</v>
      </c>
      <c r="B178" s="82" t="s">
        <v>152</v>
      </c>
      <c r="C178" s="82"/>
      <c r="D178" s="82"/>
      <c r="E178" s="82"/>
      <c r="F178" s="82"/>
      <c r="G178" s="82"/>
      <c r="H178" s="82"/>
      <c r="I178" s="82"/>
      <c r="J178" s="82"/>
      <c r="K178" s="82"/>
    </row>
    <row r="179" spans="1:11" ht="22.5" customHeight="1" x14ac:dyDescent="0.15">
      <c r="A179" s="38" t="s">
        <v>359</v>
      </c>
      <c r="B179" s="82" t="s">
        <v>32</v>
      </c>
      <c r="C179" s="82"/>
      <c r="D179" s="82"/>
      <c r="E179" s="82"/>
      <c r="F179" s="82"/>
      <c r="G179" s="82"/>
      <c r="H179" s="82"/>
      <c r="I179" s="82"/>
      <c r="J179" s="82"/>
      <c r="K179" s="82"/>
    </row>
  </sheetData>
  <mergeCells count="236">
    <mergeCell ref="A2:K2"/>
    <mergeCell ref="E66:F66"/>
    <mergeCell ref="C62:D65"/>
    <mergeCell ref="C66:D66"/>
    <mergeCell ref="J5:K5"/>
    <mergeCell ref="J6:K6"/>
    <mergeCell ref="J7:K7"/>
    <mergeCell ref="H10:H11"/>
    <mergeCell ref="K9:K11"/>
    <mergeCell ref="G9:G10"/>
    <mergeCell ref="H9:J9"/>
    <mergeCell ref="E31:F31"/>
    <mergeCell ref="E37:F37"/>
    <mergeCell ref="C27:D32"/>
    <mergeCell ref="C6:C7"/>
    <mergeCell ref="D5:I5"/>
    <mergeCell ref="D6:I6"/>
    <mergeCell ref="D7:I7"/>
    <mergeCell ref="E29:F29"/>
    <mergeCell ref="A4:B7"/>
    <mergeCell ref="A9:A11"/>
    <mergeCell ref="B9:F11"/>
    <mergeCell ref="C33:D36"/>
    <mergeCell ref="B23:D24"/>
    <mergeCell ref="B146:B149"/>
    <mergeCell ref="C148:D149"/>
    <mergeCell ref="C131:D136"/>
    <mergeCell ref="C137:D139"/>
    <mergeCell ref="C141:D142"/>
    <mergeCell ref="C143:D144"/>
    <mergeCell ref="B129:B139"/>
    <mergeCell ref="B106:D109"/>
    <mergeCell ref="E104:F104"/>
    <mergeCell ref="E105:F105"/>
    <mergeCell ref="E106:F106"/>
    <mergeCell ref="E135:F135"/>
    <mergeCell ref="E136:F136"/>
    <mergeCell ref="E129:F129"/>
    <mergeCell ref="E137:F137"/>
    <mergeCell ref="E138:F138"/>
    <mergeCell ref="E139:F139"/>
    <mergeCell ref="E130:F130"/>
    <mergeCell ref="E131:F131"/>
    <mergeCell ref="E132:F132"/>
    <mergeCell ref="E133:F133"/>
    <mergeCell ref="E134:F134"/>
    <mergeCell ref="E111:F111"/>
    <mergeCell ref="E116:F116"/>
    <mergeCell ref="E149:F149"/>
    <mergeCell ref="E142:F142"/>
    <mergeCell ref="E143:F143"/>
    <mergeCell ref="E144:F144"/>
    <mergeCell ref="E145:F145"/>
    <mergeCell ref="E146:F146"/>
    <mergeCell ref="E147:F147"/>
    <mergeCell ref="E148:F148"/>
    <mergeCell ref="E141:F141"/>
    <mergeCell ref="E126:F126"/>
    <mergeCell ref="E127:F127"/>
    <mergeCell ref="E119:F119"/>
    <mergeCell ref="E113:F113"/>
    <mergeCell ref="C68:D70"/>
    <mergeCell ref="E36:F36"/>
    <mergeCell ref="B77:D84"/>
    <mergeCell ref="E26:F26"/>
    <mergeCell ref="E28:F28"/>
    <mergeCell ref="C116:D117"/>
    <mergeCell ref="C110:D114"/>
    <mergeCell ref="C115:D115"/>
    <mergeCell ref="E80:F80"/>
    <mergeCell ref="E100:F100"/>
    <mergeCell ref="E95:F95"/>
    <mergeCell ref="B100:D100"/>
    <mergeCell ref="E102:F102"/>
    <mergeCell ref="E117:F117"/>
    <mergeCell ref="E114:F114"/>
    <mergeCell ref="E110:F110"/>
    <mergeCell ref="E108:F108"/>
    <mergeCell ref="E83:F83"/>
    <mergeCell ref="E103:F103"/>
    <mergeCell ref="E74:F74"/>
    <mergeCell ref="B105:D105"/>
    <mergeCell ref="E84:F84"/>
    <mergeCell ref="E82:F82"/>
    <mergeCell ref="E78:F78"/>
    <mergeCell ref="E24:F24"/>
    <mergeCell ref="E25:F25"/>
    <mergeCell ref="B101:D102"/>
    <mergeCell ref="B99:K99"/>
    <mergeCell ref="C67:D67"/>
    <mergeCell ref="B103:D104"/>
    <mergeCell ref="E76:F76"/>
    <mergeCell ref="E79:F79"/>
    <mergeCell ref="C57:D61"/>
    <mergeCell ref="E45:F45"/>
    <mergeCell ref="E44:F44"/>
    <mergeCell ref="B74:B76"/>
    <mergeCell ref="C74:D75"/>
    <mergeCell ref="C76:D76"/>
    <mergeCell ref="C54:F54"/>
    <mergeCell ref="C39:D40"/>
    <mergeCell ref="B42:D42"/>
    <mergeCell ref="E101:F101"/>
    <mergeCell ref="E70:F70"/>
    <mergeCell ref="E67:F67"/>
    <mergeCell ref="E68:F68"/>
    <mergeCell ref="E75:F75"/>
    <mergeCell ref="E71:F71"/>
    <mergeCell ref="E81:F81"/>
    <mergeCell ref="E61:F61"/>
    <mergeCell ref="B87:D88"/>
    <mergeCell ref="E87:F87"/>
    <mergeCell ref="E88:F88"/>
    <mergeCell ref="B14:D14"/>
    <mergeCell ref="B15:D17"/>
    <mergeCell ref="E42:F42"/>
    <mergeCell ref="E39:F39"/>
    <mergeCell ref="E30:F30"/>
    <mergeCell ref="E33:F33"/>
    <mergeCell ref="E35:F35"/>
    <mergeCell ref="E55:F55"/>
    <mergeCell ref="E34:F34"/>
    <mergeCell ref="E15:F15"/>
    <mergeCell ref="E20:F20"/>
    <mergeCell ref="E16:F16"/>
    <mergeCell ref="E17:F17"/>
    <mergeCell ref="E18:F18"/>
    <mergeCell ref="C37:D38"/>
    <mergeCell ref="E40:F40"/>
    <mergeCell ref="B25:D26"/>
    <mergeCell ref="E23:F23"/>
    <mergeCell ref="E60:F60"/>
    <mergeCell ref="E58:F58"/>
    <mergeCell ref="C53:F53"/>
    <mergeCell ref="C52:F52"/>
    <mergeCell ref="E56:F56"/>
    <mergeCell ref="E57:F57"/>
    <mergeCell ref="E65:F65"/>
    <mergeCell ref="B57:B67"/>
    <mergeCell ref="E64:F64"/>
    <mergeCell ref="B179:K179"/>
    <mergeCell ref="B177:K177"/>
    <mergeCell ref="B95:D98"/>
    <mergeCell ref="E98:F98"/>
    <mergeCell ref="E90:F90"/>
    <mergeCell ref="E91:F91"/>
    <mergeCell ref="E92:F92"/>
    <mergeCell ref="E93:F93"/>
    <mergeCell ref="E94:F94"/>
    <mergeCell ref="B178:K178"/>
    <mergeCell ref="B158:C158"/>
    <mergeCell ref="D158:E158"/>
    <mergeCell ref="F158:J158"/>
    <mergeCell ref="C126:D128"/>
    <mergeCell ref="B172:K172"/>
    <mergeCell ref="E120:F120"/>
    <mergeCell ref="E123:F123"/>
    <mergeCell ref="B140:K140"/>
    <mergeCell ref="C123:D125"/>
    <mergeCell ref="E118:F118"/>
    <mergeCell ref="E107:F107"/>
    <mergeCell ref="E112:F112"/>
    <mergeCell ref="B145:D145"/>
    <mergeCell ref="C146:D147"/>
    <mergeCell ref="J4:K4"/>
    <mergeCell ref="D4:I4"/>
    <mergeCell ref="E96:F96"/>
    <mergeCell ref="E97:F97"/>
    <mergeCell ref="E19:F19"/>
    <mergeCell ref="E46:F46"/>
    <mergeCell ref="E47:F47"/>
    <mergeCell ref="B85:D86"/>
    <mergeCell ref="B89:D94"/>
    <mergeCell ref="E89:F89"/>
    <mergeCell ref="B68:B73"/>
    <mergeCell ref="B51:K51"/>
    <mergeCell ref="B18:D19"/>
    <mergeCell ref="B20:D21"/>
    <mergeCell ref="E21:F21"/>
    <mergeCell ref="E13:F13"/>
    <mergeCell ref="E14:F14"/>
    <mergeCell ref="B43:D46"/>
    <mergeCell ref="E50:F50"/>
    <mergeCell ref="E63:F63"/>
    <mergeCell ref="E77:F77"/>
    <mergeCell ref="E72:F72"/>
    <mergeCell ref="E73:F73"/>
    <mergeCell ref="E62:F62"/>
    <mergeCell ref="B176:K176"/>
    <mergeCell ref="E86:F86"/>
    <mergeCell ref="E85:F85"/>
    <mergeCell ref="B175:K175"/>
    <mergeCell ref="A165:K165"/>
    <mergeCell ref="B166:K166"/>
    <mergeCell ref="B167:K167"/>
    <mergeCell ref="B168:K168"/>
    <mergeCell ref="E128:F128"/>
    <mergeCell ref="B110:B122"/>
    <mergeCell ref="B123:B128"/>
    <mergeCell ref="E124:F124"/>
    <mergeCell ref="E125:F125"/>
    <mergeCell ref="C118:D122"/>
    <mergeCell ref="E121:F121"/>
    <mergeCell ref="E122:F122"/>
    <mergeCell ref="B173:K173"/>
    <mergeCell ref="B174:K174"/>
    <mergeCell ref="B169:K169"/>
    <mergeCell ref="B170:K170"/>
    <mergeCell ref="B171:K171"/>
    <mergeCell ref="E115:F115"/>
    <mergeCell ref="C129:D130"/>
    <mergeCell ref="E109:F109"/>
    <mergeCell ref="A157:D157"/>
    <mergeCell ref="B150:K150"/>
    <mergeCell ref="B141:B144"/>
    <mergeCell ref="E48:F48"/>
    <mergeCell ref="E49:F49"/>
    <mergeCell ref="B12:K12"/>
    <mergeCell ref="B22:K22"/>
    <mergeCell ref="B13:D13"/>
    <mergeCell ref="A154:D154"/>
    <mergeCell ref="A155:K155"/>
    <mergeCell ref="A156:K156"/>
    <mergeCell ref="E59:F59"/>
    <mergeCell ref="B41:K41"/>
    <mergeCell ref="B27:B40"/>
    <mergeCell ref="E32:F32"/>
    <mergeCell ref="E27:F27"/>
    <mergeCell ref="E38:F38"/>
    <mergeCell ref="B47:D48"/>
    <mergeCell ref="B49:D50"/>
    <mergeCell ref="E43:F43"/>
    <mergeCell ref="E69:F69"/>
    <mergeCell ref="C71:D73"/>
    <mergeCell ref="B52:B56"/>
    <mergeCell ref="C55:D56"/>
  </mergeCells>
  <phoneticPr fontId="2"/>
  <printOptions horizontalCentered="1"/>
  <pageMargins left="0.59055118110236227" right="0.59055118110236227" top="0.59055118110236227" bottom="0.39370078740157483" header="0.51181102362204722" footer="0.51181102362204722"/>
  <pageSetup paperSize="9" scale="86" orientation="portrait" r:id="rId1"/>
  <headerFooter alignWithMargins="0">
    <oddFooter xml:space="preserve">&amp;C
</oddFooter>
  </headerFooter>
  <rowBreaks count="2" manualBreakCount="2">
    <brk id="65" max="10" man="1"/>
    <brk id="134" max="10"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特殊建築物等</vt:lpstr>
      <vt:lpstr>特殊建築物等!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oyo</dc:creator>
  <cp:lastModifiedBy>Administrator</cp:lastModifiedBy>
  <cp:lastPrinted>2024-03-21T01:36:47Z</cp:lastPrinted>
  <dcterms:created xsi:type="dcterms:W3CDTF">2007-08-24T01:21:35Z</dcterms:created>
  <dcterms:modified xsi:type="dcterms:W3CDTF">2024-03-21T01:41:20Z</dcterms:modified>
</cp:coreProperties>
</file>